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ore0.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package/2006/relationships/meatadata/core-properties" Target="docProps/core0.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ELOMY001\Desktop\NG\s10\"/>
    </mc:Choice>
  </mc:AlternateContent>
  <bookViews>
    <workbookView xWindow="240" yWindow="120" windowWidth="18060" windowHeight="7050"/>
  </bookViews>
  <sheets>
    <sheet name="FRA - French Press Report" sheetId="1" r:id="rId1"/>
  </sheets>
  <calcPr calcId="125725"/>
</workbook>
</file>

<file path=xl/sharedStrings.xml><?xml version="1.0" encoding="utf-8"?>
<sst xmlns="http://schemas.openxmlformats.org/spreadsheetml/2006/main" count="2066" uniqueCount="714">
  <si>
    <t>French Press Report</t>
  </si>
  <si>
    <t xml:space="preserve">DATE </t>
  </si>
  <si>
    <t>HEURE</t>
  </si>
  <si>
    <t>TX ID</t>
  </si>
  <si>
    <t>TITRE</t>
  </si>
  <si>
    <t>TITRE ORIGINAL</t>
  </si>
  <si>
    <t>EP ORIGINAL</t>
  </si>
  <si>
    <t>EP NUMBER</t>
  </si>
  <si>
    <t>DUREE</t>
  </si>
  <si>
    <t>ANNEE DE PRODUCTION</t>
  </si>
  <si>
    <t>PAYS D ORIGINE</t>
  </si>
  <si>
    <t>REALISATEURS</t>
  </si>
  <si>
    <t xml:space="preserve">RESUME </t>
  </si>
  <si>
    <t>06/03/2021</t>
  </si>
  <si>
    <t>07:00:00:00</t>
  </si>
  <si>
    <t>N0023229</t>
  </si>
  <si>
    <t>Brain Games : Testez votre cerveau - La mémoire</t>
  </si>
  <si>
    <t>Brain Games</t>
  </si>
  <si>
    <t>Memory</t>
  </si>
  <si>
    <t>00:30</t>
  </si>
  <si>
    <t>United States</t>
  </si>
  <si>
    <t>Que ce soit pour vous souvenir où vous avez garé la voiture ou reconnaître un vieil ami que vous n'avez pas vu depuis longtemps, la mémoire joue un rôle capital dans votre vie. Elle vous permet d'interagir avec votre environnement et de ne pas avoir sans cesse l'impression de redécouvrir le monde qui vous entoure. Dans cet épisode, découvrez ce qu'est la mémoire, comment elle fonctionne mais aussi pourquoi vous ne vous souvenez jamais où vous avez mis vos clefs ! Une chose est sûre, vous allez passer une soirée inoubliable avec Brain Games !</t>
  </si>
  <si>
    <t>07:30:00:00</t>
  </si>
  <si>
    <t>N0023918</t>
  </si>
  <si>
    <t>Situation critique</t>
  </si>
  <si>
    <t>Danger Decoded</t>
  </si>
  <si>
    <t>Danger Decoded 1, 7</t>
  </si>
  <si>
    <t>00:35</t>
  </si>
  <si>
    <t>United Kingdom</t>
  </si>
  <si>
    <t>Dans ce nouvel épisode, découvrez ce qui s'est réellement passé dans une série d'évènements capturés sur le vif par les caméras. Chacune de ces séquences spectaculaires est mise sur pause juste avant la résolution finale. En analysant une série d'indices visuels, serez-vous en mesure de détecter le danger qui menace ? Des voitures de rallye en pleine accélération sur les routes d'Italie, un camion qui se déporte sur une route ukrainienne ou encore un tourbillon de poussière totalement hors de contrôle, ces situations sont sur le point de basculer. Mais saurez-vous devinez ce qui va réellement se passer ?</t>
  </si>
  <si>
    <t>07:50:00:00</t>
  </si>
  <si>
    <t>N0024051</t>
  </si>
  <si>
    <t>Danger Decoded 1, 8</t>
  </si>
  <si>
    <t>Dans ce nouvel épisode, retrouvez un terrible incident qui se produit lors des Tourist Trophy Races sur l'Ile de Man, un étrange phénomène naturel en Italie ou encore un spectacle aérien en Californie qui ne se déroule pas tout à fait comme prévu. Comme toujours, ces vidéos sont arrêtées au moment crucial. Saurez-vous déceler les indices présents à l'image et décrypter les statistiques pour deviner ce qui va réellement se passer ?</t>
  </si>
  <si>
    <t>08:15:00:00</t>
  </si>
  <si>
    <t>Food Factory : Du caramel au café</t>
  </si>
  <si>
    <t>Food Factory</t>
  </si>
  <si>
    <t>From Toffee to Coffee</t>
  </si>
  <si>
    <t>00:22</t>
  </si>
  <si>
    <t>Canada</t>
  </si>
  <si>
    <t>Quelle quantité de crème faut-il pour obtenir un caramel mou de qualité ? Quels ingrédients sont indispensables à la préparation d’un délicieux pesto végétalien ? Pourquoi cinq secondes suffisent-elles à déterminer la perfection d’une tasse de café ? Quel rapport existe-t-il entre les sucettes en forme de fusée et les bouleaux canadiens ? Après avoir visionné cet épisode, ces questions n’auront plus de secrets pour vous.</t>
  </si>
  <si>
    <t>08:35:00:00</t>
  </si>
  <si>
    <t>Food Factory : Des pâtes aux glaces</t>
  </si>
  <si>
    <t>Pasta the Ice Cream</t>
  </si>
  <si>
    <t>Comment un bain de chocolat détermine-t-il la perfection d’un cornet de glace ? Comment la nouvelle génération d’amateurs de soda obtient-elle sa dose de bulles ? Pourquoi les pâtes ont-elles besoin d’une bonne coupe et d’un coup de sèche-cheveux avant d’atterrir dans nos assiettes ? Comment 17 millions de chewing-gums sont-ils fabriqués chaque jour ? Après avoir visionné cet épisode, ces questions n’auront plus de secrets pour vous.</t>
  </si>
  <si>
    <t>09:00:00:00</t>
  </si>
  <si>
    <t>Food Factory : Les pierogis sacrés</t>
  </si>
  <si>
    <t>Holy Pierogy</t>
  </si>
  <si>
    <t>Combien de cheesecakes peut-on fabriquer à partir de 15 tonnes de fromage frais ? Comment confectionner 500 000 pierogis par jour sans sacrifier la qualité ? Pourquoi l’apport de l’être humain est-il indispensable à la préparation de sandwichs glacés ? Quel lien existe-t-il entre un million de pots de confiture et la Formule 1 ? Après avoir visionné cet épisode, ces questions n’auront plus de secrets pour vous.</t>
  </si>
  <si>
    <t>09:20:00:00</t>
  </si>
  <si>
    <t>Food Factory : À pleine vapeur</t>
  </si>
  <si>
    <t>Full Steam Ahead</t>
  </si>
  <si>
    <t>00:25</t>
  </si>
  <si>
    <t>Comment les 15 milliards de tablettes d’un bonbon légendaire sont-elles fabriquées ? Quel est le véritable ingrédient secret de la meilleure bière pils ? Comment la mise à jour moderne d’une technologie venue d’Égypte ancienne a-t-elle permis la délicieuse union des myrtilles et du chocolat ? En quoi l’utilisation d’un aspirateur garantit-elle le canard rôti le plus savoureux ? Après avoir visionné cet épisode, ces questions n’auront plus de secrets pour vous.</t>
  </si>
  <si>
    <t>09:50:00:00</t>
  </si>
  <si>
    <t>P0857646</t>
  </si>
  <si>
    <t>Incredible Machines : Le Boeing 747</t>
  </si>
  <si>
    <t>Inside Incredible Machines</t>
  </si>
  <si>
    <t>Jumbo Jet</t>
  </si>
  <si>
    <t>00:50</t>
  </si>
  <si>
    <t>Aux côtés d’une équipe de désassemblage du Mississippi, l'ingénieur Chad Zdenek s’attaque au démontage des six millions de pièces qui composent le légendaire Boeing 747. À travers la rencontre de ses concepteurs et des pilotes qui l’ont manœuvré, Chad explorera les rouages de cette « reine des cieux ».</t>
  </si>
  <si>
    <t>10:40:00:00</t>
  </si>
  <si>
    <t>Air Crash : Crise dans le cockpit</t>
  </si>
  <si>
    <t>Air Crash Investigation Special Report</t>
  </si>
  <si>
    <t>Cockpit Breakdown</t>
  </si>
  <si>
    <t>Un équipage incompatible peut provoquer des drames… Alors que trois vols se terminent de façon tragique, des enquêteurs doivent déterminer les raisons de la catastrophe.</t>
  </si>
  <si>
    <t>11:30:00:00</t>
  </si>
  <si>
    <t>Air Crash : Atterrissage raté</t>
  </si>
  <si>
    <t>Landings Gone Wrong</t>
  </si>
  <si>
    <t>Préférant se fier à leur instinct plutôt qu’aux procédures, trois équipages improvisent leur descente et mènent l’avion droit à la catastrophe.</t>
  </si>
  <si>
    <t>12:20:00:00</t>
  </si>
  <si>
    <t>P0823358</t>
  </si>
  <si>
    <t>Air Crash : Pièces manquantes</t>
  </si>
  <si>
    <t>Missing Pieces</t>
  </si>
  <si>
    <t>01:00</t>
  </si>
  <si>
    <t xml:space="preserve">Trois accidents terribles retiennent l’attention du monde entier. À la recherche d’indices enfouis, les enquêteurs héroïques sont prêts à tout pour résoudre ces sinistres énigmes. Suite à la chute d’un avion commercial dans le parc national des Everglades, les inspecteurs doivent surmonter de multiples dangers. Lors du crash d’un Boeing 777 à l’aéroport d’Heathrow, aucun élément suspect n’apparaît sur l’avion. Enfin, un accident aérien ravageur sème la panique dans un village d’Écosse qui devient la plus grande scène de crime au monde. </t>
  </si>
  <si>
    <t>13:10:00:00</t>
  </si>
  <si>
    <t>P0823359</t>
  </si>
  <si>
    <t>Air Crash : Accidents controversés</t>
  </si>
  <si>
    <t>Controversial Crashes</t>
  </si>
  <si>
    <t>Les résultats des enquêtes menées sur les accidents d’avion permettent d’améliorer continuellement la sécurité aérienne. Cependant, il arrive parfois que les enquêteurs ne tombent pas d’accord et que la pression soit à son comble lorsque des célébrités figurent sur la liste des victimes. Le crash d’un avion qui transportait l’équipe de football de Manchester United déclenche une polémique internationale, tandis que l’explosion d’un avion de l’armée américaine provoque une tempête de controverses. Enfin, les théories du complot vont bon train lors de la mort du président polonais dans un crash d’avion à destination de la Russie.</t>
  </si>
  <si>
    <t>14:00:00:00</t>
  </si>
  <si>
    <t>P0922217</t>
  </si>
  <si>
    <t>La drogue la plus dangereuse du monde</t>
  </si>
  <si>
    <t>World's Most Dangerous Drug: Super Meth</t>
  </si>
  <si>
    <t>De nos jours, la méthamphétamine est pure à plus de 93 %, ne coûte rien et produit ses effets pendant 24 heures. Désormais couplée au fentanyl, le mélange des plus toxiques qui en résulte provoque la mort et la dépendance. Lisa Ling lève le voile sur cette épidémie afin de découvrir pourquoi cette « super-meth » est considérée comme la drogue la plus dangereuse au monde.</t>
  </si>
  <si>
    <t>14:50:00:00</t>
  </si>
  <si>
    <t>P0898294</t>
  </si>
  <si>
    <t>Inside : l’univers des drogues - Danger mortel - La crise de la cocaïne</t>
  </si>
  <si>
    <t>Drugs Inc.: World's Deadliest Drugs</t>
  </si>
  <si>
    <t>Cocaine Crisis</t>
  </si>
  <si>
    <t>Aux quatre coins du globe, la cocaïne signe son grand retour. Clients et dealers sont prêts à tout pour marquer des points. À l’heure où la poudre blanche cause la mort de milliers de personnes chaque année aux États-Unis, les questions se multiplient : quels sont ses effets ? Comment la fascination du public pour cette substance s’explique-t-elle ? Nous partirons sur les routes de la cocaïne, de ses racines en Amérique du Sud à la Floride au nord, jusqu’à l’Afrique et l’Europe à l’est, et nous rendrons au domicile ainsi que sur le lieu de travail des consommateurs de cocaïne et de crack.</t>
  </si>
  <si>
    <t>15:40:00:00</t>
  </si>
  <si>
    <t>P0898295</t>
  </si>
  <si>
    <t>Inside : l’univers des drogues - Danger mortel - Méthamphétamine mania</t>
  </si>
  <si>
    <t>Meth Madness</t>
  </si>
  <si>
    <t>Il existe une drogue qui peut être confectionnée par quiconque, n’importe où dans le monde. Nous assistons à une véritable explosion de la consommation de méthamphétamine, qui n’a jamais été aussi fatale. Prise sous la forme de pilule appelée « ya ba » ou de cristal inhalé ou injecté, cette substance provoque la mort de milliers de personnes chaque année aux États-Unis, et de bien davantage à travers le globe. Pourquoi est-elle si meurtrière et si addictive ?</t>
  </si>
  <si>
    <t>16:30:00:00</t>
  </si>
  <si>
    <t>P0898296</t>
  </si>
  <si>
    <t>Inside : l’univers des drogues - Danger mortel - Épidémie d’opioïdes</t>
  </si>
  <si>
    <t>Opioid Epidemic</t>
  </si>
  <si>
    <t>L’héroïne engendre une dépendance mortifère. Aux États-Unis, des patients luttent pour se débarrasser de leur addiction aux médicaments sur ordonnance et sombrent dans l’héroïne afin d’obtenir leur dose. Trafiquants et dealers ne reculent devant rien pour vendre leur produit, quitte à ruiner la vie de consommateurs, jeunes comme moins jeunes. En parallèle, de nouveaux substituts et additifs, à l’image du « krokodil » et du fentanyl, font des ravages dans le monde entier.</t>
  </si>
  <si>
    <t>17:30:00:00</t>
  </si>
  <si>
    <t>Car S.O.S. : Coup de bluff</t>
  </si>
  <si>
    <t>Car S.O.S. Compilations</t>
  </si>
  <si>
    <t>Ultimate Blags</t>
  </si>
  <si>
    <t>Dans cet épisode best of de Car S.O.S., Tim et Fuzz nous livrent leurs meilleurs coups de bluff. Qu’il s’agisse d’éviter les files d’attente ou de payer les pièces vintage au prix fort, Tim n’est jamais à court d’idées pour obtenir une remise ou tourmenter les artisans, à l’image de Cliff, notre spécialiste pour l’habillage des sièges.</t>
  </si>
  <si>
    <t>18:25:00:00</t>
  </si>
  <si>
    <t>Car S.O.S. : Surprise !</t>
  </si>
  <si>
    <t>Ultimate Reveals</t>
  </si>
  <si>
    <t>Rires et larmes seront au rendez-vous de cet épisode best of de Car S.O.S. ! Tim et Fuzz reviendront sur les surprises les plus mémorables de ces sept dernières saisons. Après avoir pris du bon temps, les propriétaires méritants seront enfin réunis à leurs voitures de collection flambant neuves. Des jours de préparation ont été nécessaires afin de graver à tout jamais ces précieux moments dans la mémoire de ces fous du volant.</t>
  </si>
  <si>
    <t>19:20:00:00</t>
  </si>
  <si>
    <t>Car S.O.S. : Métamorphoses radicales</t>
  </si>
  <si>
    <t>Ultimate Transformation</t>
  </si>
  <si>
    <t>Dans cet épisode best of de Car S.O.S., Tim et Fuzz reviennent sur les voitures qu’ils ont préféré restaurer et sur les plus grands relooking automobiles de ces sept dernières saisons. Retrouvez ces voitures tout droit destinées à la casse et transformées en chefs-d’œuvre sur roues : la Ford Capri RS3100, la Ferrari Dino, la MGA Roadster et l’Audi UR Quattro.</t>
  </si>
  <si>
    <t>20:10:00:00</t>
  </si>
  <si>
    <t>P0785057</t>
  </si>
  <si>
    <t>Les Routes maritimes de la soie : Précieuses cargaisons</t>
  </si>
  <si>
    <t>Maritime Silk Road Reborn</t>
  </si>
  <si>
    <t>Treasure Fleets</t>
  </si>
  <si>
    <t>Singapore</t>
  </si>
  <si>
    <t>L’historien Sam Willis s’inscrit dans le sillage de l’un des joyaux maritimes de la Chine impériale. De la mer de Chine orientale au détroit de Malacca, il découvre comment la plus grande flotte du Moyen-Âge a effectué sa traversée et de quelle façon, six siècles plus tard, son passage résonne encore dans le monde d’aujourd’hui.</t>
  </si>
  <si>
    <t>21:00:00:00</t>
  </si>
  <si>
    <t>Air Crash : Ailes gelées</t>
  </si>
  <si>
    <t>Frozen Wings</t>
  </si>
  <si>
    <t>Après la chute de trois avions causée par le gel, des enquêteurs doivent déterminer les risques que courent les appareils modernes de se retrouver avec les ailes gelées.</t>
  </si>
  <si>
    <t>21:50:00:00</t>
  </si>
  <si>
    <t>Air Crash : Amerrissages d’urgence</t>
  </si>
  <si>
    <t>Splash Down</t>
  </si>
  <si>
    <t xml:space="preserve">Bien qu’abordés différemment, trois amerrissages d’urgence permettent de tirer plusieurs leçons afin d’améliorer les chances de réussite des atterrissages en pleine mer. </t>
  </si>
  <si>
    <t>22:40:00:00</t>
  </si>
  <si>
    <t>P0823360</t>
  </si>
  <si>
    <t>Air Crash : Distractions mortelles</t>
  </si>
  <si>
    <t>Deadly Distractions</t>
  </si>
  <si>
    <t>En 1981, la Federal Aviation Administration déclare l’interdiction pour les pilotes de s’adonner à des activités jugées superflues au cours des phases critiques de vol. Le non-respect de cette règle peut avoir des conséquences mortelles. À l’aéroport de Dallas Fort Worth, les passagers d’un avion en flammes luttent pour leur survie. Un L-1011 flambant neuf s’écrase dans un marais reculé du parc national des Everglades, en Floride. Lors d’un vol de démonstration, un Soukhoï SuperJet russe heurte de plein fouet une montagne située au sud de Jakarta.</t>
  </si>
  <si>
    <t>23:30:00:00</t>
  </si>
  <si>
    <t>P0823362</t>
  </si>
  <si>
    <t>Air Crash : Feu à bord</t>
  </si>
  <si>
    <t>Fire On Board</t>
  </si>
  <si>
    <t>L’éclatement d’un incendie à bord représente l’un des pires cauchemars dans le domaine de l’aviation et peut avoir des conséquences terribles. Si ces tragédies ont causé la mort de nombreuses personnes, elles ont également contribué à une plus grande sécurité aérienne. À Manchester, un vol à destination du bassin Méditerranéen prend feu sur la piste. Dans le ciel de l’Arabie Saoudite, un avion transportant de nombreux pèlerins est consumé par les flammes. Enfin, suite au crash d’un avion-cargo UPS à Dubaï, les enquêteurs mettent la main sur une minuscule batterie aux conséquences disproportionnées.</t>
  </si>
  <si>
    <t>24:15:00:00</t>
  </si>
  <si>
    <t>25:00:00:00</t>
  </si>
  <si>
    <t>25:45:00:00</t>
  </si>
  <si>
    <t>26:30:00:00</t>
  </si>
  <si>
    <t>27:15:00:00</t>
  </si>
  <si>
    <t>27:35:00:00</t>
  </si>
  <si>
    <t>28:00:00:00</t>
  </si>
  <si>
    <t>P0867723</t>
  </si>
  <si>
    <t>The Border : Substances toxiques</t>
  </si>
  <si>
    <t>The Border</t>
  </si>
  <si>
    <t>Toxic Drug Tanker</t>
  </si>
  <si>
    <t>À l’extrême sud du Texas se trouve la vallée du Río Grande, une immense région peu peuplée. À l’heure où les cartels mexicains étendent leur pouvoir au nord de la frontière, toutes les ressources possibles pour arrêter passeurs et immigrants illégaux sont les bienvenues pour le département de la Sécurité intérieure des États-Unis. Informés par des capteurs électroniques et des dispositifs de surveillance secrète, des agents de la police aux frontières sont aux trousses de migrants clandestins au cœur de la vallée broussailleuse. À la gare de Falfurrias, les trafiquants dissimulent la drogue dans les cargaisons de produits toxiques de camions-citernes, requérant l’intervention d’équipes hautement qualifiées spécialisées dans les substances dangereuses. Dans le port de Brownsville, des bateaux de marchandises internationaux sont fouillés de fond en comble, à la recherche de matériel destiné à la fabrication d’explosifs jusqu’aux insectes mortels capables de décimer l’agriculture du pays.</t>
  </si>
  <si>
    <t>28:45:00:00</t>
  </si>
  <si>
    <t>P0867717</t>
  </si>
  <si>
    <t>The Border : Cachette lucrative</t>
  </si>
  <si>
    <t>Million Dollar Stash</t>
  </si>
  <si>
    <t>Direction la vallée du Río Grande, à l’extrême sud du Texas. Sur une centaine de kilomètres entre McAllen et Brownsville, trafiquants et immigrants illégaux traversent les eaux de crue du Río Grande au péril de leur vie afin d’entrer sur le territoire américain. National Geographic suivra les hommes et femmes de l’agence des douanes et de la protection des frontières qui mènent la guerre au trafic de drogue et d’êtres humains dans cette zone sensible. Les policiers poursuivent une camionnette chargée de stupéfiants mexicains, découvrent une gigantesque cachette d’héroïne au cours d’une inspection de routine et tentent de secourir des migrants clandestins engloutis par les flots du Río Grande.</t>
  </si>
  <si>
    <t>29:30:00:00</t>
  </si>
  <si>
    <t>07/03/2021</t>
  </si>
  <si>
    <t>N0023364</t>
  </si>
  <si>
    <t>Brain Games : Testez votre cerveau - Les idées reçues</t>
  </si>
  <si>
    <t>Misconceptions</t>
  </si>
  <si>
    <t>N'utilisez-vous réellement que 10% de votre cerveau ? La taille du cerveau a-t-elle une importance ? Écouter Mozart peut-il réellement vous rendre plus intelligent ? À travers une série d'expériences et de jeux interactifs et amusants, Brain Games met à mal les mythes les plus répandus concernant le cerveau. Préparez-vous à voir les choses autrement avec Brain Games.</t>
  </si>
  <si>
    <t>N0024058</t>
  </si>
  <si>
    <t>Danger Decoded 1, 9</t>
  </si>
  <si>
    <t xml:space="preserve">Dans ce nouvel épisode, retrouvez une course qui tourne à la catastrophe dans les rues brésiliennes, un cascadeur en combinaison ailée qui semble voler droit vers le danger ou encore une voiture en flammes qui provoque le chaos en Norvège. Saurez-vous déceler les indices présents à l'image et deviner ce qui va réellement se passer ? </t>
  </si>
  <si>
    <t>N0024059</t>
  </si>
  <si>
    <t>Danger Decoded 1, 10</t>
  </si>
  <si>
    <t>Dans ce nouvel épisode, retrouvez une course de dragsters qui pourrait bien tourner à la catastrophe à Melbourne, les rues gelées et enneigées de Russie qui se transforment en véritable enfer pour les conducteurs ou encore un pilote de deltaplane dans le Tennessee qui a bien du mal à contrôler son aile. Comme toujours, ces vidéos sont arrêtées au moment crucial. Saurez-vous déceler les indices présents à l'image et deviner ce qui va réellement se passer ?</t>
  </si>
  <si>
    <t>P0915758</t>
  </si>
  <si>
    <t>Brain Games Superstars : La magie d’Hollywood</t>
  </si>
  <si>
    <t>Movie Magic</t>
  </si>
  <si>
    <t>Aux côtés du présentateur Keegan-Michael Key, l’actrice Tiffany Haddish et le réalisateur Jordan Peele nous révèlent comment les professionnels d’Hollywood manipulent notre cerveau afin de susciter de véritables émotions face à un film. Pour cela, nous nous pencherons sur les étranges tactiques employées pour créer les effets sonores ; nous tenterons d’identifier les cascadeurs et les acteurs incognitos ; et nous vous dévoilerons comment le montage peut duper notre esprit. L’ingénieur du son Craig Pennigan nous divulguera de quelle manière les effets sonores altèrent la perception d’une scène par notre cerveau. Alors que Tiffany Haddish mettra sa force et sa flexibilité mentales à l’épreuve, le mentaliste Lior Suchard vous laissera bouche bée avec un tour de télépathie stupéfiant.</t>
  </si>
  <si>
    <t>P0897922</t>
  </si>
  <si>
    <t>Brain Games Superstars : Confusions et illusions</t>
  </si>
  <si>
    <t>Delusion Confusion</t>
  </si>
  <si>
    <t>Aux côtés du présentateur Keegan-Michael Key, l’acteur Ted Danson et ses invités du Blue Man Group se prêtent au jeu afin de découvrir comment notre cerveau distingue la réalité de la fiction. Pour cela, ils devront faire le tri entre informations vérifiées et infox, décrypter le visage impassible de champions de poker mondiaux et identifier la vérité derrière les images. L’éminent mentaliste Lior Suchard tentera de deviner qui ment pour dissimuler un précieux objet et le comédien Ted Danson se lancera dans le parcours truffé d’obstacles psychologiques de Brain Games.</t>
  </si>
  <si>
    <t>P0898789</t>
  </si>
  <si>
    <t>Brain Games Superstars : Enfants VS adultes</t>
  </si>
  <si>
    <t>Kids vs. Adults</t>
  </si>
  <si>
    <t>Aux côtés du présentateur Keegan-Michael Key, l’acteur Anthony Anderson et la jeune actrice Marsai Martin, tous deux vedettes de la série comique Black-ish, s’affrontent lors de plusieurs épreuves destinées à révéler les étonnantes différences entre le cerveau d’un adulte et celui d’un enfant. Pour cela, ils devront relever des défis liés au langage, aux réflexes, au temps de réaction, à la prise de risques et au contrôle de l’esprit, avant de se mesurer au parcours d’obstacles mentaux. La correspondante Cara Santa Maria comparera les aptitudes de conduite des adolescents à celles des adultes en inversant les commandes d’un kart. À l’aide de la neuroscience, elle nous expliquera pourquoi un groupe présente de meilleurs résultats qu’un autre.</t>
  </si>
  <si>
    <t>P0846292</t>
  </si>
  <si>
    <t>Les trésors perdus de la Vallée des Rois : Pilleurs de tombeaux</t>
  </si>
  <si>
    <t>The Valley: Hunting Egypt's Lost Treasures</t>
  </si>
  <si>
    <t>Tomb Raiders</t>
  </si>
  <si>
    <t>Le long de la rive occidentale de la vallée des rois se cache l’un des derniers tombeaux n’ayant pas été excavé. Cette saison, l’égyptologue américain Don Ryan mène une course contre la montre afin de soumettre les contenus du tombeau 49 à un examen médico-légal, dans l’espoir de mettre la main sur des trésors oubliés par des pilleurs. Son équipe tombe alors sur la bague vieille de trois millénaires de Ramsès III, l’un des plus illustres pharaons égyptiens. Cette fabuleuse découverte bouleverse les investigations de Don Ryan et révèle l’étonnante histoire du vol de tombeaux à grande échelle orchestré avec l’autorisation de l’ancien État. Non loin de là, à Deir el Bahari, l’archéologue Antonio Morales et son équipe enquêtent sur la conception astucieuse mise au point par les bâtisseurs de l’Antiquité afin d’échapper à de potentiels pilleurs. À l’extérieur du tombeau du noble Ipi, l’équipe exhume une chambre funéraire souterraine et mène des recherches sur la découverte de 56 vases canopes contenant les restes parfaitement conservés d’Ipi, dont un cœur d’humain momifié.</t>
  </si>
  <si>
    <t>P0846290</t>
  </si>
  <si>
    <t>Les trésors perdus de la Vallée des Rois : Hatchepsout, reine-pharaonne influente</t>
  </si>
  <si>
    <t>Warrior Pharaoh Queen</t>
  </si>
  <si>
    <t>Les archéologues partent sur les traces de l’une des plus grandes reines-pharaonnes de l’histoire : Hatchepsout. Grâce aux excavations menées autour de son temple légendaire, une équipe met la main sur des preuves qui attestent de l’importance de son règne. Une rare découverte au sein de l’une des anciennes carrières de la pharaonne déclenche une enquête qui mène au majestueux temple de Karnak. Alors qu’il conduit des fouilles sur des membres de momies extraits d’un tombeau ancien, un archéologue révèle des pièces qui témoignent du quotidien des femmes dans l’Égypte antique.</t>
  </si>
  <si>
    <t>P0846295</t>
  </si>
  <si>
    <t>Les trésors perdus de la Vallée des Rois : La malédiction de l’au-delà</t>
  </si>
  <si>
    <t>Curse of The Afterlife</t>
  </si>
  <si>
    <t>Les archéologues mettent au jour de nouveaux vestiges témoignant de la préparation pour l’au-delà en vigueur dans l’Égypte antique. L’examen du tombeau le plus sophistiqué de la vallée des rois, bâti en l’honneur du grand pharaon Séthi Ier, conduit à la découverte du texte sacré destiné à assurer la vie après la mort. La révélation d’un tombeau scellé depuis quatre millénaires permet à une équipe de percer les secrets d’une vaste nécropole. Enfin, l’analyse d’un macabre dépôt secret de restes momifiés révèle à quel point les pilleurs de tombes ne reculaient devant rien pour mettre la main sur les trésors et l’or.</t>
  </si>
  <si>
    <t>P0743882</t>
  </si>
  <si>
    <t>Trésors d'Egypte</t>
  </si>
  <si>
    <t>Egypt’s Treasure Guardians</t>
  </si>
  <si>
    <t xml:space="preserve">L'Egypte abrite la plupart des trésors archéologiques les plus célèbres du monde. Mais au cours de ces cinq dernières années, elle a connu une révolution tumultueuse et une chute du nombre de touristes. Cette émission suit un groupe d'individus déterminés à sortir le pays du gouffre, à découvrir son histoire, sécuriser son héritage et faire en sorte que les touristes reviennent. Le Dr. John Ward et le Dr. Maria Nilsson sont un jeune couple charismatique, qui revient chaque année à Gebel el Silsila, un site du sud du pays. Le Dr. Tarek Tawfik est un professeur d'archéologie chargé de gérer le plus gros projet de construction sur le plateau de Gizeh depuis les pyramides : le Grand musée égyptien. Nora Shawki est une étudiante en doctorat de 26 ans qui explore son premier site de fouilles dans le Delta du Nil, et Eddy Cannaerts l'un des 5 000 contractuels travaillant sur le chantier du Grand musée égyptien, qui fait tout pour respecter son planning de construction. Ensemble, ils espèrent remettre le pays sur les rails, et faire affluer les touristes.
.
</t>
  </si>
  <si>
    <t>P0867719</t>
  </si>
  <si>
    <t>The Border : Impasse fluviale</t>
  </si>
  <si>
    <t>River Standoff</t>
  </si>
  <si>
    <t>Dans la guerre contre les trafics illégaux, la vallée du Río Grande se trouve en première ligne. Les agents du département américain de la Sécurité intérieure luttent pour protéger les populations qui résident le long de l’un des principaux couloirs du marché noir aux États-Unis. Dans cet épisode, une équipe de recherche se lance au secours d’une mère et de son fils, abandonnés par des passeurs au milieu des broussailles. En aval du fleuve, des policiers enquêtent sur une famille suite à la découverte d’une camionnette remplie de marijuana devant leur maison. Une unité d’intervention spéciale cible un trafiquant et fabricant présumé de crack lors d’une opération d’infiltration.</t>
  </si>
  <si>
    <t>16:35:00:00</t>
  </si>
  <si>
    <t>P0782571</t>
  </si>
  <si>
    <t>The Border : La route Caribéenne</t>
  </si>
  <si>
    <t>Border Wars</t>
  </si>
  <si>
    <t>Caribbean Corridor</t>
  </si>
  <si>
    <t>Le territoire américain de Porto Rico est situé au centre de l’itinéraire de contrebande appelé corridor des Caraïbes. Les officiers du Département américain de la sécurité intérieure (DHS) se trouvent au cœur du trafic. Suivez leurs efforts pour capturer les immigrants clandestins, saisir les drogues illégales et l’argent blanchi en haute mer, dans les aéroports et les gares maritimes et même lors de fouilles de maisons individuelles dans certains des quartiers les plus dangereux de Porto Rico.</t>
  </si>
  <si>
    <t>Alaska : Nouvelle vie - Soleil d’hiver</t>
  </si>
  <si>
    <t>Alaska: The New Pioneers</t>
  </si>
  <si>
    <t>Over Thin Ice</t>
  </si>
  <si>
    <t>Afin de survivre à l’obscurité de l’hiver et à ses nombreuses épreuves, la nouvelle génération d’Alaskains n’hésite pas à tirer profit du soleil déclinant au maximum.</t>
  </si>
  <si>
    <t>Alaska : Nouvelle vie - À l’avant-garde</t>
  </si>
  <si>
    <t>Trail Breakers</t>
  </si>
  <si>
    <t>Au cœur d’un hiver implacable, la nouvelle génération d’Alaskains n’a d’autre choix que d’inventer des manières innovantes d’accéder aux précieuses ressources qui lui permettront de survivre.</t>
  </si>
  <si>
    <t>19:10:00:00</t>
  </si>
  <si>
    <t>N0026192</t>
  </si>
  <si>
    <t>Mécanos tout terrain : Une cabane en Alaska</t>
  </si>
  <si>
    <t>Big Fix Alaska</t>
  </si>
  <si>
    <t>Cabin Fever</t>
  </si>
  <si>
    <t>Jim est envoyé pour rénover un moteur domestique sur une machine japonaise. Austin travaille dans une ville assez pauvre qui repose sur une machine qui a grand besoin d'une réparation.</t>
  </si>
  <si>
    <t>N0026193</t>
  </si>
  <si>
    <t>Mécanos tout terrain</t>
  </si>
  <si>
    <t>Whiskey Lake Dozer</t>
  </si>
  <si>
    <t>L'hiver arrive, et il est temps de travailler au maximum avant la fin de la saison. Jim emmène Tyler sur le terrain pour une réparation. Duane reçoit une offre pour un emploi qui aiderait le garage à se maintenir pendant le long hiver.</t>
  </si>
  <si>
    <t>Les tombeaux engloutis du Nil</t>
  </si>
  <si>
    <t>Black Pharaohs: Flooded Pyramids</t>
  </si>
  <si>
    <t>Flooded Tombs of The Nile</t>
  </si>
  <si>
    <t>Une équipe d’archéologues et de plongeurs pénètre au cœur de la pyramide inondée de Nastasen, le dernier pharaon koushite à avoir été inhumé dans le cimetière royal de Nuri. Leur ambition ? Atteindre la dernière chambre, où gît un immense socle rectangulaire, submergé par les eaux et présumé intact. Bravant les risques d’effondrement de la structure et armés d’oxygène, ils réalisent des découvertes inédites sur le mystérieux royaume de Koush qui a régné sur l’Égypte durant près d’un siècle.</t>
  </si>
  <si>
    <t>P0831512</t>
  </si>
  <si>
    <t>Le secret du tombeau d'Hérode</t>
  </si>
  <si>
    <t>Herod's Lost Tomb</t>
  </si>
  <si>
    <t>Herod's Lost Tomb Update</t>
  </si>
  <si>
    <t>Quand l’archéologue Ehud Netzer découvrit en 2006 ce qu’il pensait être le tombeau d’Hérode 1er le Grand, le méchant biblique, sa trouvaille fût reconnue comme l’une des plus grandes découvertes archéologiques jamais faites en Israël. Mais aujourd’hui, à la lumière de nouvelles révélations - et de nouvelles analyses - certains experts pensent que la tombe du méchant maître reste encore à découvrir.</t>
  </si>
  <si>
    <t>P0930554</t>
  </si>
  <si>
    <t>Dans l’ombre des pyramides</t>
  </si>
  <si>
    <t>Lost Tombs of The Great Pyramid</t>
  </si>
  <si>
    <t>Lost Tombs of the Pyramids</t>
  </si>
  <si>
    <t>À l’ombre des pyramides, une équipe d’éminents archéologues se lance dans une campagne de fouilles hors du commun. Ce site énigmatique percera-t-il les secrets des grands pharaons ayant bâti ces monuments majestueux ? La découverte d’une pierre, sur laquelle est inscrit le nom du pharaon Khéphren, permettra-t-elle de faire la lumière quant au sort des dépouilles des pharaons des pyramides, résolvant ainsi l’un des plus grands mystères archéologiques de l’histoire ?</t>
  </si>
  <si>
    <t>P0848260</t>
  </si>
  <si>
    <t>A la recherche du tombeau d'Alexandre le Grand</t>
  </si>
  <si>
    <t>Alexander The Great: His Lost Tomb Revealed</t>
  </si>
  <si>
    <t>The Lost Tomb of Alexander The Great</t>
  </si>
  <si>
    <t xml:space="preserve">L'archéologue Pepi Papakosta se lance à la recherche du tombeau perdu d’Alexandre le Grand. Lors de fouilles menées dans un jardin public du centre de la ville fondée par le conquérant il y a 2 300 ans, Alexandrie, elle exhume une rare statue de marbre à l’effigie d’Alexandre, des trésors grecs ainsi que des tunnels secrets. Mais l’archéologue n’est pas au bout de ses surprises : elle fait une découverte extraordinaire et pour le moins inattendue. </t>
  </si>
  <si>
    <t>08/03/2021</t>
  </si>
  <si>
    <t>N0023494</t>
  </si>
  <si>
    <t>Brain Games : Testez votre cerveau - Sous influence</t>
  </si>
  <si>
    <t>Peer Pressure</t>
  </si>
  <si>
    <t>Etes-vous plutôt conformiste ou rebelle ? Si vous pensiez avoir pleinement le contrôle sur vos pensées et vos actions, vous pourriez bien être surpris ! Les vêtements que vous portez, la nourriture que vous mangez et même la manière dont vous marchez, les décisions que vous pensez prendre seul ont en fait beaucoup à voir avec les autres. Découvrez comment la capacité de votre cerveau à se conformer aux autres vous protège et vous aide même parfois à réussir. Préparez-vous à faire entendre votre voix avec Brain Games !</t>
  </si>
  <si>
    <t>N0023541</t>
  </si>
  <si>
    <t>Science of Stupid</t>
  </si>
  <si>
    <t>Head Bangers and Acrobats</t>
  </si>
  <si>
    <t>La série qui combine science et vidéos spectaculaires des exploits - ou des ratés - des internautes est de retour pour une deuxième saison. Dans cet épisode, vous verrez qu'il existe de nombreuses manières de se mettre dans des situations embarrassantes ou de se ridiculiser en faisant du headbanging, en tentant un porté ou en sautant dans une poubelle.</t>
  </si>
  <si>
    <t>N0023179</t>
  </si>
  <si>
    <t>High Jumps and Shallow Water</t>
  </si>
  <si>
    <t>La série qui combine science et vidéos spectaculaires des exploits - ou des ratés - des internautes est de retour pour une deuxième saison. Dans cet épisode, vous verrez qu'il existe de nombreuses manières de se mettre dans des situations embarrassantes ou de se ridiculiser en plongeant dans une eau peu profonde ou en tentant des acrobaties à moto.</t>
  </si>
  <si>
    <t>N0016112</t>
  </si>
  <si>
    <t>Voyage au bout de l'enfer : El Paso</t>
  </si>
  <si>
    <t>Banged Up Abroad</t>
  </si>
  <si>
    <t>Teen Smuggler</t>
  </si>
  <si>
    <t>El Paso, 1989 : Alex Silva est un adolescent qui s'ennuie et sent que sa vie va le mener nulle part. Son oncle lui dégote un petit boulot dans son garage, mais au lieu de filer droit, Alex est distrait par les riches clients mexicains. A la recherche d'argent facile, il découvre qu'il s'agit de trafiquants de drogue qui font entrer de la marijuana depuis le Mexique vers les Etats-Unis. Alex les supplie de l'employer et se retrouve chargé de ramener de la drogue du Mexique. Cette première mission lui semblant simple, il demande à avoir davantage de responsabilités. Cette fois, il doit passer plusieurs fois la frontière américaine avec son chargement.  Pris en flagrant délit, il se fait arrêter et est envoyé dans une prison mexicaine, qui va le faire grandir bien plus vite qu'il ne l'aurait pensé.</t>
  </si>
  <si>
    <t>N0013706</t>
  </si>
  <si>
    <t>Voyage au bout de l'enfer : Venezuela</t>
  </si>
  <si>
    <t>Venezuela Blues</t>
  </si>
  <si>
    <t xml:space="preserve">Alors qu'il rencontre des difficultés financières, David Evans tente de résoudre ses problèmes d'argent en faisant entrer clandestinement de la cocaine du Vénézuéla aux Pays-Bas.  Attrapé à l'aéroport de Caracas, l'enfer commence pour ce musicien hollandais : condamné à 18 mois de prison à Los Teques, il va devoir survivre dans un des établissements pénitenciers les plus violents du Venezuela. </t>
  </si>
  <si>
    <t>N0014447</t>
  </si>
  <si>
    <t>Air Crash : Accident controversé</t>
  </si>
  <si>
    <t>Air Crash Investigation</t>
  </si>
  <si>
    <t>Split Decision</t>
  </si>
  <si>
    <t>Après une mission de six mois au Moyen-Orient, une troupe de 248 soldats américains rentrent au pays le 12 décembre 1985, pour les fêtes de Noël. Le vol charter 1258, en provenance du Caire, s'arrête à l'aéroport de Gander, au Canada, pour recharger son réservoir. Mais quand l'avion redécolle quelques instants plus tard, il perd de la vitesse puis de l'altitude et s'écrase dans une forêt dense juste au sud de la piste. C'est une catastrophe aérienne sans précédent, une des plus meurtrières aussi, dont l'enquête suscite des controverses encore aujourd'hui.</t>
  </si>
  <si>
    <t>Made in USA : L'hélicoptère</t>
  </si>
  <si>
    <t>Made In A Day</t>
  </si>
  <si>
    <t>Helicopters</t>
  </si>
  <si>
    <t>En première ligne à la moindre urgence majeure, 30 000 hélicoptères civils sont prêts à intervenir à travers le monde. Pénétrez dans les coulisses de l’usine d’Airbus, fabricant de l’hélicoptère monomoteur le plus populaire sur la planète, le H-125.</t>
  </si>
  <si>
    <t>11:55:00:00</t>
  </si>
  <si>
    <t>Made in USA : Les repas des avions</t>
  </si>
  <si>
    <t>Airplane Meals</t>
  </si>
  <si>
    <t>Plus grand traiteur pour compagnies aériennes au monde, Gate Gourmet produit chaque année des millions de repas depuis son immense cuisine de Los Angeles. Percez les secrets de ces chefs de haut vol qui concoctent de bons petits plats à partir d’ingrédients locaux aux 40 000 passagers décollant de Los Angeles chaque jour.</t>
  </si>
  <si>
    <t>N0016414</t>
  </si>
  <si>
    <t>Les Défis de la construction : L'Airbus A380</t>
  </si>
  <si>
    <t>Engineering Connections</t>
  </si>
  <si>
    <t>Airbus A380</t>
  </si>
  <si>
    <t>00:55</t>
  </si>
  <si>
    <t>Richard Hammon tente de comprendre le rôle de la guerre, de la nature et d'objets quotidiens dans la création du plus grand avion de ligne du monde : l'Airbus A380.</t>
  </si>
  <si>
    <t>P0893261</t>
  </si>
  <si>
    <t>Pêche à haut risque : nord contre sud - Coup dur</t>
  </si>
  <si>
    <t>Wicked Tuna: North Vs South</t>
  </si>
  <si>
    <t>Hard Knocks</t>
  </si>
  <si>
    <t>Sans savoir-faire local, aucune chance de remporter la compétition. Voici ce qu’apprennent les équipages de la flotte dans cet épisode.</t>
  </si>
  <si>
    <t>P0894001</t>
  </si>
  <si>
    <t>Pêche à haut risque : nord contre sud - Représailles familiales</t>
  </si>
  <si>
    <t>Blood Feud</t>
  </si>
  <si>
    <t>Lorsque deux frères venus du Sud disputent la première place avec un duo frère-sœur nordiste, les rivalités familiales rythment la compétition dans les Outer Banks.</t>
  </si>
  <si>
    <t>P0894002</t>
  </si>
  <si>
    <t>Pêche à haut risque : nord contre sud - Quota atteint</t>
  </si>
  <si>
    <t>Reel Outlaws</t>
  </si>
  <si>
    <t>Alors que la saison vient tout juste de commencer, le quota de thons rouges est déjà presque atteint. À défaut de prolongation, les capitaines repoussent leurs limites afin de pêcher leurs derniers salaires de la saison.</t>
  </si>
  <si>
    <t>P0894003</t>
  </si>
  <si>
    <t>Pêche à haut risque : nord contre sud - La revanche du Sud</t>
  </si>
  <si>
    <t>Southern Aggression</t>
  </si>
  <si>
    <t>Alors que la saison de pêche du thon rouge est prolongée, les équipages du Nord comme du Sud se voient offrir une seconde chance d’arrondir leur fin de mois.</t>
  </si>
  <si>
    <t>P0894004</t>
  </si>
  <si>
    <t>Pêche à haut risque : nord contre sud - Flots déchaînés</t>
  </si>
  <si>
    <t>Thunder Tuna</t>
  </si>
  <si>
    <t>Alors que Dame Nature déchaîne les flots des Outer Banks, Tyler McLaughlin, le capitaine du Pinwheel, sa sœur et son second Marissa mettent les bouchées doubles pour attraper quelques thons rouges et remonter dans le classement. Pendant ce temps, l’équipage du Hot Tuna prend des risques inattendus afin de se maintenir en tête. Bien décidé à ne rien lâcher, le Reel E Bugging pêche sans relâche en pleine tempête, bravant les éléments périlleux des Outer Banks.</t>
  </si>
  <si>
    <t>N0018817</t>
  </si>
  <si>
    <t>La route de l'enfer : Sierra Nevada - Pas le droit à l'erreur</t>
  </si>
  <si>
    <t>Highway Thru Hell: USA</t>
  </si>
  <si>
    <t>Do Or Die</t>
  </si>
  <si>
    <t xml:space="preserve">Avec l'arrivée des premières neiges commence le début des ennuis pour les dépanneurs de Donner Pass. Sam essaie de remorquer un pick-up tandis que Becky et Edgar se battent en duel avec des boules de foin, malencontreusement répandues sur l'autoroute suite à un accident. </t>
  </si>
  <si>
    <t>N0024678</t>
  </si>
  <si>
    <t>La route de l'enfer : Norvège</t>
  </si>
  <si>
    <t>Ice Road Rescue</t>
  </si>
  <si>
    <t>Into The Woods</t>
  </si>
  <si>
    <t>Norway</t>
  </si>
  <si>
    <t>Au sud, le temps est en train de changer. Lorsque le mauvais temps arrive, les bons moments commencent pour Thord tandis que les choses se corsent pour les conducteurs de camions qu'ils soient étrangers et norvégiens. Dans le nord, les nouveaux défis se multiplient dans la forêt où une machine a basculé et où une excavatrice est sur le point de couler dans un trou de boue.</t>
  </si>
  <si>
    <t>P0923550</t>
  </si>
  <si>
    <t>Car S.O.S. : Healey 3000</t>
  </si>
  <si>
    <t>Car S.O.S.</t>
  </si>
  <si>
    <t>Healey 3000</t>
  </si>
  <si>
    <t>Tim et Fuzz s’attaquent à la restauration de l’une des plus légendaires voitures de sport britanniques d’après-guerre : la Austin Healey 3000 de 1961. Son propriétaire, John, un ancien ingénieur, avait prévu de la remettre en état à son départ en retraite, avant qu’il ne contracte la maladie de Parkinson, l’empêchant alors d’achever la réparation. À l’arrivée de la voiture dans leur atelier, nos deux compères réalisent l’étendue du travail qui les attend. Produite entre 1959 et 1967, la Healey 3000 est le fruit d’une entreprise conjointe entre le constructeur automobile Austin et les spécialistes de bolides de sport Donald Healey Motor Company. Équipée d’un moteur six cylindres de trois litres et de deux carburateurs SU, la Healey 3000 pouvait atteindre une vitesse d’environ 184 km/h, un record pour l’époque !</t>
  </si>
  <si>
    <t>Alaska : seuls au monde - La douceur du foyer</t>
  </si>
  <si>
    <t>Lawless Island</t>
  </si>
  <si>
    <t>No Place Like Home</t>
  </si>
  <si>
    <t>Alors que l’hiver guette, les habitants de Port Protection doivent se serrer les coudes pour être prêts à affronter les longs mois à venir.</t>
  </si>
  <si>
    <t>Alaska : seuls au monde - Le cri du loup</t>
  </si>
  <si>
    <t>Cry Wolf</t>
  </si>
  <si>
    <t>Alors que les jours raccourcissent et que les températures chutent, les habitants de Port Protection se préparent aux rigueurs de l’hiver alaskain.</t>
  </si>
  <si>
    <t>P0945971</t>
  </si>
  <si>
    <t>Alaska : seuls au monde - Le prix à payer</t>
  </si>
  <si>
    <t>The Cost of Paradise</t>
  </si>
  <si>
    <t>À l’approche de l’hiver, les habitants de Port Protection doivent se tenir prêts au risque d’en payer le prix. La saison de la chasse au cerf offre l’opportunité à Gary Muehlberger de faire des réserves de viande pour les mois à venir. Stuart Andrews et Dave Squibb partent pêcher le flétan afin de remplir leurs congélateurs. Suite à la disparition de Jethro, Curly Leech entraîne un nouveau chien pour la vie en Alaska. Enfin, Mary Miller affronte ses peurs et part récolter du bois de chauffage pour l’hiver à venir.</t>
  </si>
  <si>
    <t>P0945972</t>
  </si>
  <si>
    <t>Alaska : seuls au monde - Aux côtés des loups</t>
  </si>
  <si>
    <t>The Company of Wolves</t>
  </si>
  <si>
    <t>Pour les résidents autonomes de Port Protection, le danger n’est jamais loin. Alors que Mary Miller s’aventure en forêt pour chasser le cerf, les loups qui rôdent dans la région menacent sa sécurité. Sam Carlson fait appel à son ingéniosité pour enrichir le sol de son jardin. Curly Leach doit affronter des conditions météorologiques périlleuses pour faire des réserves de bois de chauffage. Enfin, Gary Muehlberger brave les flots tumultueux du sud-est de l’Alaska afin d’approvisionner son congélateur en poissons pour l’hiver.</t>
  </si>
  <si>
    <t>N0014958</t>
  </si>
  <si>
    <t>Air Crash : Dans le collimateur</t>
  </si>
  <si>
    <t>Hiding In Plane Sight</t>
  </si>
  <si>
    <t>Il est tôt le matin lorsque le vol Pacific Southwest Airlines 182 commence sa descente vers l'aéroport Lindbergh de San Diego. Avertis de la présence d'une Cessna se situant juste devant eux, les pilotes du Boeing 727 reçoivent l'ordre de maintenir un contact visuel constant. Mais seulement quelques minutes plus tard, les deux avions entrent en collision et se crashent dans le quartier résidentiel se situant juste en dessous. Avec 144 morts et 7 blessés, cet accident reste l'un des plus catastrophiques de toute l'histoire américaine. Aujourd'hui, les enquêteurs cherchent à déterminer ce qu'il s'est passé et qui sont les coupables.</t>
  </si>
  <si>
    <t>29:50:00:00</t>
  </si>
  <si>
    <t>09/03/2021</t>
  </si>
  <si>
    <t>N0023557</t>
  </si>
  <si>
    <t>Brain Games : Testez votre cerveau - Une question de logique</t>
  </si>
  <si>
    <t>Logic</t>
  </si>
  <si>
    <t>S'habiller en fonction du temps qu'il fait, choisir la meilleure route, décider du menu du dîner, tous les jours, nous utilisons notre sens de la logique. A travers des expériences interactives, découvrez le pouvoir et les limites de vos capacités de logique. Les recherches ont montré que la logique se développe avec l'entraînement, alors préparez-vous à tonifier votre cerveau avec Brain Games !</t>
  </si>
  <si>
    <t>N0023539</t>
  </si>
  <si>
    <t>Bottle Rockets and Aerial Kicks</t>
  </si>
  <si>
    <t>La série qui combine science et vidéos spectaculaires des exploits - ou des ratés - des internautes est de retour pour une deuxième saison. Dans cet épisode, vous verrez qu'il existe de nombreuses manières de se mettre dans des situations embarrassantes ou de se ridiculiser en descendant une pente en courant, en tentant de réaliser un coup de pied en l'air ou en lançant une bouteille transformée en fusée.</t>
  </si>
  <si>
    <t>N0023374</t>
  </si>
  <si>
    <t>Ski Tricks and Waterside Drives</t>
  </si>
  <si>
    <t>La série qui combine science et vidéos spectaculaires des exploits - ou des ratés - des internautes est de retour pour une deuxième saison. Dans cet épisode, vous verrez qu'il existe de nombreuses manières de se mettre dans des situations embarrassantes ou de se ridiculiser en roulant sur l'eau, en pilotant une grue ou en réalisant des figures acrobatiques à ski.</t>
  </si>
  <si>
    <t>N0013705</t>
  </si>
  <si>
    <t>Voyage au bout de l'enfer : La Havane</t>
  </si>
  <si>
    <t>Hooked In Havana</t>
  </si>
  <si>
    <t>En rencontrant Roy, un producteur de musique, Kahlilah Saleem voit sa vie complètement bouleversée. Elle déménage à Miami avec sa fille de six ans, dans l'appartement de Roy. Mais quand ce dernier lui offre l'opportunité d'aller à la Havane pour voir le carnaval, les choses ne prennent pas la tournure qu'elle attendait. Roy l'abandonne à Panama avec un sac rempli de huit kilos de cocaïne et retourne aux Etats-Unis en prenant sa fille en otage pour la force à acheminer la drogue à Paris. Au moment d'embarquer, elle se fait arrêter et passe six années en prison.</t>
  </si>
  <si>
    <t>N0013702</t>
  </si>
  <si>
    <t>Voyage au bout de l'enfer : Philippines</t>
  </si>
  <si>
    <t>Philippine Terror</t>
  </si>
  <si>
    <t xml:space="preserve">En 1996, Greg Williams, un bénévole religieux, est kidnappé aux Philippines par un groupe terroriste islamiste connu sous le nom d'Abu Sayyaf. Victime de tortures insoutenables et témoin du meurtre de son ami, Greg Williams sait que sa seule issue est de s'échapper. Limité en moyens, il trouve cependant une aide inattendue qui va lui permettre de se sortir de ce calvaire. </t>
  </si>
  <si>
    <t>N0014842</t>
  </si>
  <si>
    <t>Air Crash : Descente aux enfers</t>
  </si>
  <si>
    <t>Desert Inferno</t>
  </si>
  <si>
    <t>En partance pour ramener un groupe de pèlerins musulmans au Nigeria, le vol 2120 de la compagnie Nigeria Airways décolle de l'aéroport de Jeddah et s'introduit dans la chaleur du désert. Mais une fois dans les airs, on signale au pilote que l'avion n'est pas correctement pressurisé. L'appareil commence à perdre de la puissance alors que le pilote tente désespérément de revenir à Jeddah, et la cabine se remplit progressivement de fumée, puis prend feu. A seulement 2 km de l'aéroport, l'avion se transforme en une boule de feu et tombe à pic, tuant les 261 personnes à bord. Cet accident reste encore un mystère pour les enquêteurs, qui doivent aujourd'hui déterminer ce qu'il s'est passé durant ce vol tragique.</t>
  </si>
  <si>
    <t>N0014362</t>
  </si>
  <si>
    <t>Air Crash : Désastre au Texas</t>
  </si>
  <si>
    <t>Breakup Over Texas</t>
  </si>
  <si>
    <t>Le vol 2574 de la Continental Express a presque terminé son deuxième vol de routine allant de Laredo à Houston, au Texas. Il s'agit d'un avion ultramoderne Embraer 120 Brasilia avec plusieurs vols courts prévus dans la journée. Mais tandis que l'équipage se prépare à atterrir, l'avion chute subitement et s'écrase dans les champs. Les quatorze personnes à bord décèdent suite à l'impact. Le choc est si violent que les décombres ressemblent à peine aux restes d'un avion. Les enquêteurs considèrent en premier lieu la possibilité d'une bombe à bord, mais cette hypothèse est vite exclue. Ils finissent par découvrir une histoire de bonnes intentions qui a viré au cauchemar.</t>
  </si>
  <si>
    <t>Made in USA : La voiture électrique</t>
  </si>
  <si>
    <t>Electric Cars</t>
  </si>
  <si>
    <t>Pénétrez dans les coulisses de l’usine Tesla, où l’automatisation exécutée par une armée de robots, une main-d’œuvre qualifiée et une logistique à l’échelle globale s’associent pour donner naissance à la voiture électrique baptisée Model 3.</t>
  </si>
  <si>
    <t>Made in USA : la sauce piquante</t>
  </si>
  <si>
    <t>Hot Sauce</t>
  </si>
  <si>
    <t>Découvrez le processus de fabrication et de distribution de la célèbre sauce pimentée. Autrefois simple piment cultivé au sein des fermes d’Amérique centrale et du Sud, ce fruit épicé s’est répandu aux quatre coins du monde jusqu’à devenir l’un des ingrédients les plus recherchés. La raison ? Un marché de la sauce piquante en plein essor, dont les ventes s’élèvent alors à plus de 4 milliards de dollars. Avec plus de 182 millions de bouteilles vendues par an, la marque Tabasco, l’une des pionnières du secteur, continue de mettre le feu au marché.</t>
  </si>
  <si>
    <t>N0016467</t>
  </si>
  <si>
    <t>Les Défis de la construction : Plateforme pétrolière</t>
  </si>
  <si>
    <t>Super Rig</t>
  </si>
  <si>
    <t>Richard Hammon se penche sur l'incroyable plate-forme pétrolière Troll A, le plus grand objet jamais déplacé par l'homme sur la surface de la Terre.</t>
  </si>
  <si>
    <t>Face au crime : Le commerce du tigre</t>
  </si>
  <si>
    <t>Trafficked With Mariana Van Zeller</t>
  </si>
  <si>
    <t>Tigers</t>
  </si>
  <si>
    <t>Les États-Unis comptent aujourd’hui plus de tigres en captivité qu’à l’état sauvage. Mariana van Zeller part enquêter sur les causes de ce phénomène. Des zoos privés des États-Unis aux fermes d’élevage de tigres d’Asie, elle plonge dans les méandres du marché noir mondial des pièces de tigres. En chemin, elle fait la rencontre des acteurs principaux de Tiger King, la série à succès diffusée sur Netflix.</t>
  </si>
  <si>
    <t>Face au crime : Sur les routes de la cocaïne</t>
  </si>
  <si>
    <t>Cocaine</t>
  </si>
  <si>
    <t>Mariana van Zeller retrace l’une des routes de trafic les plus illustres au monde, de ses origines au cœur de la jungle péruvienne reculée aux côtes caribéennes de Colombie, jusqu’aux rues de Miami. Au cours de son enquête, elle découvre comment trafiquants et forces de l’ordre risquent leur vie sur ce canal qui produit un flot de cocaïne sans précédent depuis les années 1980, malgré la guerre contre la drogue menée par les États-Unis.</t>
  </si>
  <si>
    <t>Face au crime : La contrefaçon</t>
  </si>
  <si>
    <t>Counterfeiting</t>
  </si>
  <si>
    <t>Mariana van Zeller pénètre les coulisses de la mafia péruvienne et part à la rencontre des escrocs qui fabriquent la fausse monnaie la plus remarquable au monde.</t>
  </si>
  <si>
    <t>Face au crime : Escroqueries en tout genre</t>
  </si>
  <si>
    <t>Scam</t>
  </si>
  <si>
    <t>Mariana plonge au cœur du monde de l’escroquerie internationale et part à la rencontre des malfaiteurs qui en tirent les ficelles pour mieux comprendre cette industrie en plein essor. Des rues violentes de Montego Bay aux quartiers chics de Tel-Aviv, la journaliste se lance sur les traces de certains des plus grands malfrats de la planète.</t>
  </si>
  <si>
    <t>Face au crime : Le marché des stéroïdes</t>
  </si>
  <si>
    <t>Steroids</t>
  </si>
  <si>
    <t>Mariana van Zeller enquête sur le nouveau marché clandestin des stéroïdes qui promet de transformer les consommateurs en superhéros. Grâce à des entretiens inédits avec le docteur Tony Huge, figure controversée du mouvement, elle part à la rencontre des chimistes, des trafiquants et des clients qui repoussent les limites de ces drogues toxiques. Elle s’embarque aux côtés d’un jeune bodybuilder persuadé que les conseils et injections de Tony Huge lui permettront de se qualifier pour l’une des plus grandes compétitions de culturisme au monde.</t>
  </si>
  <si>
    <t>N0018926</t>
  </si>
  <si>
    <t>La route de l'enfer : Sierra Nevada - Dure journée</t>
  </si>
  <si>
    <t>A Cold Day In Hell</t>
  </si>
  <si>
    <t>La neige n'en finit plus de tomber et la circulation en pâtit sérieusement. Alors que la compétition entre les différentes compagnies de dépannage est de plus en plus acharnée, Becky et Edgar ont du mal à relever un camion échoué sur la voie. Pour couronner le tout, le petit ami de Becky vient lui emprunter de l'argent et cherche la bagarre avec tous les employés...</t>
  </si>
  <si>
    <t>N0024587</t>
  </si>
  <si>
    <t>Stuck Trucks</t>
  </si>
  <si>
    <t>Dans le sud, Bjørn Lægreid brave la tempête pour aider un camion et dégager la route pour les chasse-neige, mais il finit lui-même bloqué et incapable d'aider quiconque. De son côté, l'équipe de Thord Paulsen est occupée dans la montagne. Plus au nord, à Orkanger, un camion-citerne est couché sur le côté de la route. Marius, l'expert des airbags est appelé à la rescousse.</t>
  </si>
  <si>
    <t>P0923554</t>
  </si>
  <si>
    <t>Car S.O.S. : Lotus Esprit S1</t>
  </si>
  <si>
    <t>Lotus Esprit</t>
  </si>
  <si>
    <t>Dans cet épisode, nos deux acolytes partent pour Benfleet, dans le comté de l’Essex, où les attend une Lotus Esprit S1 des années 1970, voiture rendue célèbre pour s’être transformée en sous-marin dans le film de James Bond L’espion qui m’aimait. Alors qu’ils pensaient trouver l’une des voitures de sport britanniques les plus glamour jamais construites, ils découvrent un tas de ferraille laissé à l’abandon depuis 20 ans. Le bolide remplissait autrefois de joie et de fierté Gary, un pompier londonien qui a sauvé bien des vies au cours de ses nombreuses années de service. Si la plupart des combattants du feu prennent leur retraite à 50 ans, Gary ne peut s’y résoudre, tant il aime son travail. L’équipe de Car S.O.S. vient prêter main-forte à ce véritable héros national du quotidien.</t>
  </si>
  <si>
    <t>P0893389</t>
  </si>
  <si>
    <t>Prisons de haute sécurité : retour en enfer</t>
  </si>
  <si>
    <t>Surviving Maximum Security: Back Inside</t>
  </si>
  <si>
    <t>Surviving Maximum Security: Back Inside, 1</t>
  </si>
  <si>
    <t>En 2005, Lisa Ling emmenait les téléspectateurs dans les coulisses de la prison de l’État de Californie, dans le comté de Sacramento, où sont incarcérés certains des détenus les plus violents des États-Unis. La journaliste retourne aujourd’hui dans cet établissement pénitentiaire à sécurité maximale pour constater l’évolution de cet univers où règnent divisions raciales et chaos.</t>
  </si>
  <si>
    <t>P0893391</t>
  </si>
  <si>
    <t>L'enfer carcéral : L’oasis du vice</t>
  </si>
  <si>
    <t>Hard Time Compilations</t>
  </si>
  <si>
    <t>Losing Las Vegas</t>
  </si>
  <si>
    <t>Située au milieu du désert des Mojaves, Las Vegas est une oasis rythmée par le travail et les jeux, légaux comme illégaux. Enfreignez la loi et vous serez envoyé au centre de détention du comté de Clark, principale prison de la ville du péché. Alors que les détenus purgent leur peine à l’intérieur, leurs proches purgent la leur à l’extérieur. Si certains prisonniers réussissent à se délivrer de leurs chaînes mentales et physiques et finissent par retrouver leur famille, d’autres succombent à leurs vices et reviennent à la case départ.</t>
  </si>
  <si>
    <t>P0893415</t>
  </si>
  <si>
    <t>L'enfer carcéral : Crise de nerfs</t>
  </si>
  <si>
    <t>Vegas Breakdown</t>
  </si>
  <si>
    <t>Au centre de détention du comté de Clark, plus d’un millier de détenus passent le seuil de la prison dans un état second ou atteints de troubles mentaux, voire les deux. À l’entrée, difficile pour les gardiens de faire la distinction ; la prison se transforme alors à la fois en centre de désintoxication et en hôpital psychiatrique. Problème de l’établissement, ces prisonniers sont également sous sa responsabilité.</t>
  </si>
  <si>
    <t>P0893416</t>
  </si>
  <si>
    <t>L'enfer carcéral : Escroc en prison</t>
  </si>
  <si>
    <t>Scammer In The Slammer</t>
  </si>
  <si>
    <t>Plus grande prison de Las Vegas, le centre de détention du comté de Clark accueille aussi bien des primodélinquants que des criminels violents dans l’attente de leur procès. Que ce soit par le biais de procédures judiciaires ou de délits commis derrière les barreaux, certains détenus tentent toujours de vaincre le système. Difficile pour les gardiens de distinguer ceux qui mentent de ceux qui disent la vérité…</t>
  </si>
  <si>
    <t>10/03/2021</t>
  </si>
  <si>
    <t>N0023558</t>
  </si>
  <si>
    <t>Brain Games : Testez votre cerveau - Le vrai visage</t>
  </si>
  <si>
    <t>Faces</t>
  </si>
  <si>
    <t>Quelle que soit sa forme ou son apparence, votre visage définit votre identité car il est unique. Avec plus de 40 muscles, votre visage vous permet d'exprimer un nombre presque infini de sentiments et d'émotions. Mais vous n'êtes pas seulement en mesure de vous exprimer à travers votre visage, votre cerveau est aussi capable de reconnaître ce que les autres vous disent à travers leurs propres expressions faciales. Dans ce nouvel épisode, découvrez tous les secrets d'un visage et de ses expressions. Testez votre cerveau avec Brain Games !</t>
  </si>
  <si>
    <t>N0023366</t>
  </si>
  <si>
    <t>Frisbees and Hovercrafts</t>
  </si>
  <si>
    <t>La série qui combine science et vidéos spectaculaires des exploits - ou des ratés - des internautes est de retour pour une deuxième saison. Dans cet épisode, vous verrez qu'il existe de nombreuses manières de se mettre dans des situations embarrassantes ou de se ridiculiser en lançant un frisbee, en conduisant un aéroglisseur ou en tentant une pompe sur un seul bras.</t>
  </si>
  <si>
    <t>N0023372</t>
  </si>
  <si>
    <t>Piggyback Rides and Ladder Climbing</t>
  </si>
  <si>
    <t>La série qui combine science et vidéos spectaculaires des exploits - ou des ratés - des internautes est de retour pour une deuxième saison. Dans cet épisode, vous verrez qu'il existe de nombreuses manières de se mettre dans des situations embarrassantes ou de se ridiculiser en descendant les escaliers, en portant quelqu'un sur son dos ou en grimpant à l'échelle.</t>
  </si>
  <si>
    <t>N0016213</t>
  </si>
  <si>
    <t>Voyage au bout de l'enfer : Irak</t>
  </si>
  <si>
    <t>Kidnapped In Iraq</t>
  </si>
  <si>
    <t xml:space="preserve">7 septembre 2004 : l'armée américaine prévoit d'attaquer Tal Afar dans le nord ouest de l'Irak. Les journalistes Scott Taylor et Zeynep Tugrul se précipitent dans la ville isolée pour faire un reportage et être en première ligne. Mais ils se font enlever par les insurgés qui les prennent pour des espions américains. Dès lors, leur vie ne tient plus qu'à un fil : confrontés à des exécutions et à la torture, ils sont témoins de scènes auxquelles peu d'occidentaux ont survécu. </t>
  </si>
  <si>
    <t>N0016211</t>
  </si>
  <si>
    <t>Voyage au bout de l'enfer : Mexico</t>
  </si>
  <si>
    <t>Mexico Or Bust</t>
  </si>
  <si>
    <t xml:space="preserve">En 1977, Jake Stanford sortait tout juste du lycée et avait mis le cap sur le Mexique en quête d'aventure et d'adrénaline. Il a trouvé les deux, mais pas comme il se l'imaginait. Finançant son séjour en vendant de la marijuana aux touristes, il est allé trop loin en acceptant de fournir à un autre Américain deux kilos de drogue. Les choses ont mal tourné : il s'est retrouvé témoin du meurtre de deux policiers et s'est également fait tirer dessus. Après trois jours caché chez un ami, il a tenté de s'échapper déguisé en femme mais il s'est à nouveau fait prendre par le chef de la police locale. </t>
  </si>
  <si>
    <t>N0014959</t>
  </si>
  <si>
    <t>Air Crash : Tueur à bord</t>
  </si>
  <si>
    <t>I'm The Problem</t>
  </si>
  <si>
    <t>Parti de Los Angeles et en route pour San Francisco, le vol 1771 de la compagnie Pacific Southwest Airlines plane tranquillement dans le ciel de la campagne californienne dans l'après-midi du 7 décembre 1987. A part quelques légères turbulences, le vol est calme et ordinaire. Jusqu'au moment où le pilote entend des coups de feu dans la cabine. La tour de contrôle reçoit un signal d'alerte provenant de l'avion quelques instants avant que celui-ci plonge brutalement et s'écrase dans un champ. Avec 43 morts et possiblement un crime à bord, le FBI et la NTSB doivent travailler ensemble pour découvrir ce qu'il s'est passé, comment, et surtout, quel est le mobile ?</t>
  </si>
  <si>
    <t>N0014363</t>
  </si>
  <si>
    <t>Air Crash : Le crash de Munich</t>
  </si>
  <si>
    <t>Munich Air Disaster</t>
  </si>
  <si>
    <t>Le 6 février 1958, l'équipe de football de Manchester United rentre au Royaume-Uni après avoir joué la Coupe d'Europe en Serbie. Après une escale à Munich pour recharger son réservoir, l'avion se prépare à redécoller. Il avance sur la piste sous une neige très fine, mais lorsque l'avion approche de la vitesse de décollage, le moteur ralentit soudainement. Sans parvenir à décoller, il s'écrase contre une maison aux abords de la piste. Avec vingt-trois morts, dont sept joueurs de Manchester United, cette catastrophe aérienne très médiatisée a littéralement anéanti l'une des meilleures équipes de football au monde. La presse internationale exigeant des réponses, l'enquête allemande commence à réunir les éléments pour déterminer la cause de l'accident. Mais lorsque le pilote survivant est montré du doigt, son combat pour laver son honneur, durant plus d'une décennie, prend des allures de conflit international.</t>
  </si>
  <si>
    <t>Made in USA : Vers l'infini et au-delà</t>
  </si>
  <si>
    <t>Space Rockets</t>
  </si>
  <si>
    <t>De tôles métalliques à la naissance d’un service de taxi vers les étoiles à 1,4 million d’euros, découvrez l’extraordinaire processus de fabrication d’une fusée. Ouvrant la voie à un champ de possibles pour l’ensemble de l’humanité, les missions spatiales représentent une économie susceptible d’atteindre les mille milliards de dollars au cours des 20 prochaines années. En matière d’exploration des confins de l’univers, le constructeur américain de fusées ULA se trouve aujourd’hui à la pointe.</t>
  </si>
  <si>
    <t>Made in USA : La guitare électrique</t>
  </si>
  <si>
    <t>Electric Guitars</t>
  </si>
  <si>
    <t>Pénétrez dans les coulisses de la manufacture de Gibson Guitars, située à Nashville, dans le Tennessee, et découvrez les secrets de fabrication de leurs instruments légendaires. Avant d’arriver sur scène, l’illustre guitare électrique Les Paul est avant tout le résultat d’une parfaite alliance entre machines de pointe, savoir-faire artisanal et logistique mondiale.</t>
  </si>
  <si>
    <t>N0016415</t>
  </si>
  <si>
    <t>Les Défis de la construction : La Tour 101 de Taipei</t>
  </si>
  <si>
    <t>Taipei Tower</t>
  </si>
  <si>
    <t>Richard essaie de comprendre comment la tour 101 de Taipei, bâtie à côté d'une faille sismique et sur le parcours de tornade, peut résister aux catastrophes naturelles.</t>
  </si>
  <si>
    <t>P0839917</t>
  </si>
  <si>
    <t>Air Crash : Le coupable des Rocheuses</t>
  </si>
  <si>
    <t>Runway Runoff</t>
  </si>
  <si>
    <t>Alors que le vol 1404 de Continental Airlines prend de la vitesse sur la piste de décollage de l’aéroport international de Denver, l’appareil dévie soudainement de la piste, avant de s’écraser et de s’embraser. Tous les passagers sortent sains et saufs mais les enquêteurs doivent désormais découvrir les causes de l’incident. Tout semble d’abord pointer du doigt un dysfonctionnement mécanique identifié auparavant sur d’autres Boeing 737.  Mais c’est au cœur des montagnes Rocheuses que les enquêteurs finissent par mettre la main sur le véritable coupable…</t>
  </si>
  <si>
    <t>P0839918</t>
  </si>
  <si>
    <t>Air Crash : Limites fatales</t>
  </si>
  <si>
    <t>Lethal Limits</t>
  </si>
  <si>
    <t>Au départ de Moscou et à destination de Perm, en Russie, le vol 821 d'Aeroflot Nord s’apprête à atterrir lorsque l’appareil chute soudainement au sol avant de s’écraser sur les rails du Transsibérien. Il ne reste du Boeing 737 que des débris carbonisés. Cette catastrophe cause la mort des 88 passagers à bord. Les enquêteurs soupçonnent tout d’abord un défaut de conception au niveau de la gouverne de direction de l’avion. Mais à mesure que leur enquête progresse, ils font une série de découvertes déconcertantes qui engendreront de nombreux changements au sein du système aéronautique du pays.</t>
  </si>
  <si>
    <t>P0839911</t>
  </si>
  <si>
    <t>Air Crash : Descente mortelle</t>
  </si>
  <si>
    <t>Deadly Descent</t>
  </si>
  <si>
    <t>Au départ de l’Indonésie et à destination de Hong Kong, le vol 780 de la compagnie Cathay Pacific survole la mer de Chine méridionale au moment où les deux moteurs de l’avion tombent en panne, transformant cet Airbus A-330 en un planeur de 200 tonnes. Après l’envoi de signaux de détresse, le commandant de bord, bien décidé à éviter un amerrissage aux conséquences désastreuses en plein océan, reprend le contrôle manuel de l’appareil. Suite à une lente augmentation de la commande des gaz, il ne parvient à redémarrer qu’un seul des moteurs défectueux. Mais celui-ci ne sera pas suffisant pour lui permettre de ralentir à l’approche de l’atterrissage.</t>
  </si>
  <si>
    <t>P0839919</t>
  </si>
  <si>
    <t>Air Crash : Tragédie footballistique</t>
  </si>
  <si>
    <t>Football Tragedy</t>
  </si>
  <si>
    <t xml:space="preserve">Le vol 2933 de la compagnie LaMia entame sa descente vers Medellin avec l’équipe de football brésilienne Chapecoense à son bord lorsque l’équipage signale tout à coup une panne de carburant. Avant même que les contrôleurs aériens n’aient le temps de trouver un endroit où atterrir, l’avion s’écrase contre la crête d’une montagne, tuant presque la totalité des passagers à bord. Face à un monde du football en deuil, les enquêteurs subissent une pression sans précédent afin de faire la lumière sur les événements. Alors qu’ils examinent attentivement les pièces à conviction, ils découvrent une histoire troublante à base de cupidité et de pari assassin. </t>
  </si>
  <si>
    <t>P0839920</t>
  </si>
  <si>
    <t>Air Crash : Couru d’avance</t>
  </si>
  <si>
    <t>Slam Dunk</t>
  </si>
  <si>
    <t>Au départ de Washington et à destination de Columbus, dans l’État américain de l’Ohio, le vol 6291 de United Express s’apprête à atterrir. À seulement un kilomètre de la piste, le biturbopropulseur s’écrase. Alors que trois survivants émergent des flammes, les trois membres d’équipage ainsi que deux autres passagers ne sortent pas vivants du drame. Si les débris carbonisés de l’appareil livrent peu d’indices aux enquêteurs, l’enregistreur vocal du poste de pilotage leur apporte la preuve irréfutable.</t>
  </si>
  <si>
    <t>N0018876</t>
  </si>
  <si>
    <t>La route de l'enfer : Sierra Nevada - Les héros de la route</t>
  </si>
  <si>
    <t>Highway Heroes</t>
  </si>
  <si>
    <t>Lorsqu'une terrible tempête de neige s'abat sur Donner Summit, les dépanneurs deviennent de véritables héros. Pour Eddie Farrow, coincé dans un énorme embouteillage, les choses tournent au cauchemar lorsqu'il reçoit un appel de sa femme. Bloquée elle aussi dans le trafic, elle est sur le point d'accoucher...</t>
  </si>
  <si>
    <t>N0024679</t>
  </si>
  <si>
    <t>The Night Shift</t>
  </si>
  <si>
    <t>Thord est bien occupé par le maintien en état de la route avec la neige qui ne cesse de tomber. Même s'il s'agit d'un travail sans fin, Thord est bien conscient que ce sont ces mauvaises conditions climatiques qui lui permettent de faire tourner son entreprise. Dans le nord, Jo Roger a beaucoup de travail avec les camions qui traversent la forêt, chargés de bois. De son côté, Bjørn est sur la montagne pour secourir un camion lorsqu'une voiture tente de le contourner, se coince, et s'ajoute à liste des véhicules à dépanner.</t>
  </si>
  <si>
    <t>P0923551</t>
  </si>
  <si>
    <t>Car S.O.S. : Hillman Imp</t>
  </si>
  <si>
    <t>Hillman Imp</t>
  </si>
  <si>
    <t>Tim et Fuzz partent pour le Gloucestershire, où les attend la restauration d’une Hillman Imp de 1973, laissée à l’abandon dans une grange poussiéreuse pendant des décennies. Sa propriétaire, Margaret, une ancienne infirmière, affectionne particulièrement ce modèle de voiture, qu’elle possède depuis qu’elle a appris à conduire. Alors que sa Hillman Imp bien-aimée était en cours de réparation, son mari est décédé d’une maladie pulmonaire, puis son père qui avait repris le projet, laissant Margaret, mère de deux enfants, complètement démunie, sans le temps ni le savoir-faire nécessaires pour achever cette entreprise. Réponse du constructeur automobile britannique Rootes à la Austin Mini, la Hillman Imp fut une voiture révolutionnaire, dotée d’un moteur tout aluminium monté derrière les roues arrière. Elle finira par causer la perte de la firme en raison de coûts de production trop élevés et des grèves répétées des années 1970.</t>
  </si>
  <si>
    <t>P0816521</t>
  </si>
  <si>
    <t>La Nouvelle-Zélande vue du ciel : La pointe Sud</t>
  </si>
  <si>
    <t>New Zealand from above 1</t>
  </si>
  <si>
    <t>The Far South</t>
  </si>
  <si>
    <t>Australia</t>
  </si>
  <si>
    <t>Bruce Morrison,Serge Ou</t>
  </si>
  <si>
    <t>Notre périple débutera à l’extrême Sud de la Nouvelle-Zélande, où nous partirons à la découverte de la ville de Dunedin, dans la région d’Otago, et du parc national de Fiordland, classé au patrimoine mondial de l’UNESCO. Depuis cette région spectaculaire, nous nous envolerons jusqu’à la station de ski de Queenstown et explorerons les environs.</t>
  </si>
  <si>
    <t>P0816522</t>
  </si>
  <si>
    <t>La Nouvelle-Zélande vue du ciel : Au centre de l'île du Sud</t>
  </si>
  <si>
    <t>Central South Island</t>
  </si>
  <si>
    <t>Nous partirons pour les Alpes du Sud, situées au cœur de l’île du Sud, où de spectaculaires paysages montagneux sont sculptés par les glaciers. Nous apprendrons l’histoire de la ruée vers l’or, survenue dans les années 1860, et goûterons le Pinot Noir, aujourd’hui produit dans la région.</t>
  </si>
  <si>
    <t>P0816523</t>
  </si>
  <si>
    <t>La Nouvelle-Zélande vue du ciel : La côte Ouest de l'île du Sud</t>
  </si>
  <si>
    <t>The West Coast and Northern South Island</t>
  </si>
  <si>
    <t>Nous remonterons les terres sauvages de la côte Ouest, caractérisées par des paysages immaculés de forêts tropicales, de glaciers et de rivières agitées. Nous nous envolerons ensuite vers la côte Est où nous pourrons admirer les baleines en plein festin avant de poursuivre jusqu’à Christchurch.</t>
  </si>
  <si>
    <t>P0816524</t>
  </si>
  <si>
    <t>La Nouvelle-Zélande vue du ciel : De l'île du Sud à l'île du Nord</t>
  </si>
  <si>
    <t>Southern North Island and Volcanic Plateau</t>
  </si>
  <si>
    <t>Nous franchirons le détroit de Cook qui sépare l’île du Sud de l’île du Nord et irons à la découverte de Wellington, capitale de la Nouvelle-Zélande. Cap ensuite au cœur des terres de l’île afin d’explorer le plateau volcanique situé sur la ligne de faille de la ceinture de feu du Pacifique.</t>
  </si>
  <si>
    <t>N0015916</t>
  </si>
  <si>
    <t>La terre gronde : Tsunami</t>
  </si>
  <si>
    <t>Disaster Earth</t>
  </si>
  <si>
    <t>Tsunami</t>
  </si>
  <si>
    <t>La Palma, une île des Canaries au large de la côte Nord-Ouest africaine, est un havre de paix. La beauté de La Palma cache cependant un danger - une menace secrète que deux scientifiques suspectent changer la face du monde. Simon Day et Steven Ward, enquêteurs, estiment que l'île de La Palma pourrait un jour provoquer un tsunami encore jamais vu par l'Homme - un mega-tsunami. Malgré la controverse envers cette théorie, Day et Ward poursuivent leurs investigations.  Suivez-les dans la collecte de preuves  pour appuyer leurs arguments sur l'île de La Palma : de grottes abritant des indices cryptés, à des cratères spectaculaires, en passant par des simulations sur ordinateur. Selon leurs recherches et en suivant le plus alarmant des scénarios, un gigantesque morceau de La Palma pourrait se casser et plonger dans l'océan, ce qui engendrerait  des vagues qui traverseraient  l'Atlantique à une vitesse prodigieuse, pour enfin venir détruire les côtes littorales du Canada, des Etats-Unis, des Caraïbes, et du Brésil de haut en bas.</t>
  </si>
  <si>
    <t>N0015917</t>
  </si>
  <si>
    <t>La terre gronde : Catastrophes</t>
  </si>
  <si>
    <t>Earthquake</t>
  </si>
  <si>
    <t>Nous avons tous entendu les avertissements: c'est juste une question de temps avant qu'un tremblement de terre dévastateur ne frappe une grande ville américaine et ne l'efface littéralement de la carte.  Des scientifiques estiment que ce jour pourrait arriver bien plus tôt que prévu. Le danger ne pèse pas sur Los Angeles ou San Francisco, mais sur Seattle et Washington, les joyaux de la région de Cascades dans le Nord-Ouest Pacifique. Les scientifiques redoutent que Cascades ne subisse une catastrophe aux proportions phénoménales : un " megathrust " ou séisme de subduction, un tremblement de terre à forte magnitude, qui peut causer des dommages sérieux à plusieurs centaines de kilomètres de l'épicentre. Il s'agit du tremblement de terre le plus dévastateur que la Terre puisse créer. En 2004, un " megathrust " au large de l'Indonésie a provoqué un tsunami, qui a tué plus d'un quart de million de personnes. Que va faire Cascades pour s'y préparer ? Et que va-t-il se passer quand le megathrust va frapper ?</t>
  </si>
  <si>
    <t>P0879650</t>
  </si>
  <si>
    <t>Au cœur du désastre : Éruption de tornades</t>
  </si>
  <si>
    <t>Witness To Disaster</t>
  </si>
  <si>
    <t>Tornado Outbreak</t>
  </si>
  <si>
    <t>En avril 2011, une série de tornades sans précédent s’abat sur les États-Unis. En l’espace de 4 jours, 360 tempêtes ravagent tout sur leur passage, provoquées par des conditions atmosphériques mortifères nées dans les États du sud des États-Unis. L’une de ces tornades meurtrières frappe l’Alabama et détruit 2 villes en seulement 15 minutes. Selon un bilan établi le 28 avril 2011, 348 personnes ont perdu la vie, des milliers se sont retrouvées sans foyer et le coût des dégâts a dépassé les 12 milliards de dollars.</t>
  </si>
  <si>
    <t>P0879692</t>
  </si>
  <si>
    <t>Au cœur du désastre : Naufrage aux Bermudes</t>
  </si>
  <si>
    <t>Lost In The Bermuda Triangle</t>
  </si>
  <si>
    <t>Le 1er octobre 2015, le cargo El Faro disparaît au cœur de l’ouragan Joaquin, une tempête de catégorie 4, au cours de sa liaison régulière entre Jacksonville et Porto Rico. Une enquête déterminera par la suite que le navire a sombré au large des Bahamas, emportant avec lui les 33 membres de l’équipage. Ce naufrage fut la catastrophe maritime la plus grave qu’a connue la marine marchande américaine depuis la Seconde Guerre mondiale.</t>
  </si>
  <si>
    <t>11/03/2021</t>
  </si>
  <si>
    <t>N0025938</t>
  </si>
  <si>
    <t>Brain Games : Testez votre cerveau - Pensées positives</t>
  </si>
  <si>
    <t>Positive Thinking</t>
  </si>
  <si>
    <t>Entendez-vous parfois une petite voix dans votre tête, une critique interne qui vous empêche de donner le meilleur de vous-même? Et si on vous disait qu'il existe un moyen de faire changer ce que cette petite voix vous dit pour améliorer vos performances dans tout ce que vous faites ? La recherche a montré que la pensée positive est bien plus qu'une vague idée qui réconforte. Dans cet épisode, découvrez à quel point elle peut changer vos pensées, votre réalité et même votre vie ! Nous allons jouer avec votre humeur pour vous montrer ce qui fait que le verre vous semble à moitié vide ou à moitié plein. Préparez-vous à arrêter de vous inquiéter et à laisser place à la joie avec Brain Games.</t>
  </si>
  <si>
    <t>N0024434</t>
  </si>
  <si>
    <t>Soccer Balls and Mouse Traps</t>
  </si>
  <si>
    <t>Dans ce nouvel épisode de Science of Stupid, tout est affaire de précision ! Vous pensiez avoir toutes les qualités pour sauter d'immeuble en immeuble comme un professionnel du parkour ? Découvrez ce qui se cache derrière chaque saut, impulsion ou atterrissage. Vous avez toujours rêvé de donner au ballon le même effet que Beckham ? Etudier plusieurs frappes pour en comprendre les subtilités. Et enfin découvrez pourquoi les petits de trois ans sont bien meilleurs que les adultes pour faire du toboggan !</t>
  </si>
  <si>
    <t>N0024435</t>
  </si>
  <si>
    <t>Table Dancing and Sock Sliding</t>
  </si>
  <si>
    <t>Vous vous êtes toujours demandé pourquoi vous glissiez sur la glace ? Pourquoi vous n'arrivez jamais à lancer un Frisbee ou pourquoi vos sauts en BMX se concluent par une visite à l'hôpital ? Richard Hammond a toutes les réponses à vos questions dans cette nouvelle saison de Science of Stupid, la série qui combine science et vidéos spectaculaires des exploits ou des ratés des internautes. Découvrez toutes les manières possibles d'avoir la honte de votre vie en dansant sur les tables ou en glissant sur le sol.</t>
  </si>
  <si>
    <t>N0013700</t>
  </si>
  <si>
    <t>Voyage au bout de l'enfer : La Barbade</t>
  </si>
  <si>
    <t>Busted And Pregnant</t>
  </si>
  <si>
    <t>Zara Whittaker habite un quartier pauvre du sud de Londres. Maman, elle laisse son bébé de huit mois pour aller à la Barbade ramener illégalement de la cocaïne. Pour elle, il n'y pas de souci à se faire : son partenaire a en effet passé douze fois la frontière sans se faire prendre. A trois jours du départ, Zara apprend qu'elle est à nouveau enceinte mais elle ne peut déjà plus se retirer de la mission qu'on lui a confiée. Arrêtée par la police à l'aéroport, elle écope d'une peine de cinq ans de prison, durant laquelle elle donne naissance à un enfant qu'elle est contrainte d'abandonner quelques mois plus tard.</t>
  </si>
  <si>
    <t>N0016219</t>
  </si>
  <si>
    <t>Voyage au bout de l'enfer : Brésil</t>
  </si>
  <si>
    <t>Sao Paulo Death Trap</t>
  </si>
  <si>
    <t>En 1993, Brendan Cosso faisait la fête au milieu des célébrités à Hollywood. Il avait tout l'argent qu'il voulait. Mais lorsqu'on lui a proposé cinquante mille dollars pour faire sortir illégalement de la cocaïne du Brésil, il a tout de suite accepté. Arrêté à l'aéroport de Sao Paolo avec trois amis, il écope d'une peine de quatre ans au lieu des vingt-cinq demandés, grâce aux efforts de son père pour lui trouver un excellent avocat spécialisé dans ce genre d'affaires. Mais son calvaire ne fait que commencer : il est envoyé à la prison de Carandiru, la plus violente d'Amérique du Sud, où, en un an, cent onze prisonniers ont été massacrés.</t>
  </si>
  <si>
    <t>N0016933</t>
  </si>
  <si>
    <t>Air Crash : Atterrissage extrême</t>
  </si>
  <si>
    <t>Nowhere To Land</t>
  </si>
  <si>
    <t>Le 24 mai 1988 le vol TACA 110 entame sa descente vers la Nouvelle-Orléans. Subitement, les deux moteurs de l'avion tombent en panne  et l'appareil entame une chute brutale. Les pilotes tentent de redémarrer les moteurs mais se trouvent contraints d'arrêter lorsque l'appareil se met en surchauffe. Avec 38 passagers paniqués à bord, les pilotes réussissent l'un des atterrissages les plus spectaculaires jamais vus dans l'histoire de l'aviation. Que s'est-il passé ce jour-là à bord du Boeing 737 ? Nos enquêteurs tentent de le découvrir.</t>
  </si>
  <si>
    <t>N0014207</t>
  </si>
  <si>
    <t>Air Crash : Atterrissage musclé</t>
  </si>
  <si>
    <t>Turning Point</t>
  </si>
  <si>
    <t xml:space="preserve">Le vol 85 de la Northwest Airlines se trouve à mi-chemin entre Detroit et sa destination finale, l'aéroport de Narita au Japon. Avec 400 passagers à bord, le Boeing 747 vole au-dessus de la mer de Béring quand soudainement, l'appareil bascule violemment à gauche et commence à perdre de l'altitude. Les pilotes réussissent à stabiliser l'avion mais ont du mal à le contrôler. Ils décident alors de faire demi-tour dans l'espoir d'atteindre l'aéroport d'Anchorage, à 1300 km. Le calvaire finit deux heures après avec un atterrissage turbulent mais sans problèmes. Les pilotes chevronnés ont épargné le Boeing d'une collision fatale. Une équipe d'enquêteurs doit déterminer maintenant les causes du dysfonctionnement de l'appareil. </t>
  </si>
  <si>
    <t>Made in USA : Le camion de pompiers</t>
  </si>
  <si>
    <t>Fire Trucks</t>
  </si>
  <si>
    <t>Au cœur de chaque quartier se trouve une caserne de pompiers. À l’intérieur, des soldats du feu mettent leur vie en péril 24h/24 et 7j/7 afin de sauver celle des autres. Pour remporter le combat contre les flammes, leur légendaire camion fait office de cheval de bataille. Découvrez le processus de fabrication des véhicules préférés des Américains.</t>
  </si>
  <si>
    <t>Made in USA : Les satellites</t>
  </si>
  <si>
    <t>Satellites</t>
  </si>
  <si>
    <t>L’opérateur basé en Floride OneWeb Satellites nous révèle le processus de fabrication des premiers satellites produits en série au monde. Concepteurs d’engins spatiaux, ingénieurs et robots s’associent en vue d’imaginer et d’envoyer dans l’espace des satellites destinés à fournir un accès à Internet aux quatre coins du globe.</t>
  </si>
  <si>
    <t>N0016471</t>
  </si>
  <si>
    <t>Les Défis de la construction : L'Observatoire russe</t>
  </si>
  <si>
    <t>Deep Space Observer</t>
  </si>
  <si>
    <t>Richard Hammond découvre les étonnantes connections qui ont permis la création de l'observatoire de Keck, comme un ancien rituel grec et un inventeur russe.</t>
  </si>
  <si>
    <t>N0016025</t>
  </si>
  <si>
    <t>Megafactories : Eurofighter</t>
  </si>
  <si>
    <t>Megafactories</t>
  </si>
  <si>
    <t>Eurofighter</t>
  </si>
  <si>
    <t>L'Eurofighter Typhoon est le meilleur avion de combat mutli-rôles du monde. Il est capable d'atteindre des vitesses de plus de 2000 km/h. Mais sa construction pièce par pièce dans trois usines différentes situées dans trois différents pays est un défi que seuls les meilleurs ingénieurs peuvent maîtriser. Nous allons observer la façon dont cette armada de constructeurs conçoit le Typhoon.</t>
  </si>
  <si>
    <t>N0015193</t>
  </si>
  <si>
    <t>Megafactories : Frito Lay</t>
  </si>
  <si>
    <t>Frito Lay</t>
  </si>
  <si>
    <t>Découvrez tous les secrets de fabrication de la célèbre marque de chips Frito Lay, visitez son immense usine, ouverte 7j/7 et 24h/24, et assistez à la préparation de la fête nationale américaine du 4 juillet, le moment le plus intense de l'année pour la marque. Frito Lay achète plus de 500 000 kilos de pommes de terre par jour dans des fermes disséminées à travers tous les Etats-Unis, et utilise les dernières innovations technologiques du secteur, ce qui fait d'elle l'une des marques les plus imposantes sur le marché des chips.</t>
  </si>
  <si>
    <t>N0022186</t>
  </si>
  <si>
    <t>Megafactories : Corona</t>
  </si>
  <si>
    <t>Corona</t>
  </si>
  <si>
    <t xml:space="preserve">"Megafactories : Corona" entre dans les coulisses de la société Groupo Modelos, la méga-brasserie située à Zacatecas, au Mexique. Corona est la bière mexicaine la plus vendue au monde. Son usine de fabrication est active 24 heure sur 24 et 7 jours sur 7 pour répondre à la demande. </t>
  </si>
  <si>
    <t>N0014449</t>
  </si>
  <si>
    <t>Megafactories : Couteaux suisses</t>
  </si>
  <si>
    <t>Swiss Army Knife</t>
  </si>
  <si>
    <t>Le couteau suisse est probablement l'outil multifonction le plus ingénieux jamais inventé. Utilisé aussi bien par le président que par les boys scouts, cet outil est même capable de sauver des vies humaines. Mais plus ingénieux que l'outil même, c'est la façon dont il est fabriqué : à l'usine Victorinox en Suisse, un procédé bien particulier transforme un bout d'acier à l'état brut en outil étincelant. Ici, tout est réglé comme une horloge suisse ! Découvrez aussi comment les événements du 11 septembre ont atteint cette paisible vallée suisse et mis en péril la société, ainsi qu'un des objets les plus célèbres au monde.</t>
  </si>
  <si>
    <t>N0014135</t>
  </si>
  <si>
    <t>Megafactories : Guinness</t>
  </si>
  <si>
    <t>Guinness</t>
  </si>
  <si>
    <t>Cet épisode de Megafactories nous emmène en Irlande, dans la plus grande brasserie du monde. Située en plein coeur de Dublin, St James Gate fabrique et vend plus d'un milliard de pintes de Guinness dans 150 pays par an. Assistez à un processus fascinant : de la récolte de l'orge à la torréfaction, le brassage et la mise en bouteille jusqu'au marketing et à la distribution. Dans une course contre la montre, St James Gate doit également assurer la production et la distribution de sa bière dans 40 pays pour un événement international à l'honneur de son fondateur Arthur Guinness.</t>
  </si>
  <si>
    <t>N0019015</t>
  </si>
  <si>
    <t>La route de l'enfer : Sierra Nevada - Un vrai cauchemar</t>
  </si>
  <si>
    <t>Nightmares In Tow</t>
  </si>
  <si>
    <t>National Geographic Channel vous embarque sur les routes les plus dangereuses de Sierra Nevada et vous dévoile le quotidien d’une courageuse équipe de remorquage.</t>
  </si>
  <si>
    <t>N0024680</t>
  </si>
  <si>
    <t>Fishy Business</t>
  </si>
  <si>
    <t>Dans le sud, la nature fournit à la fois du travail et de la frustration à Bjørn. Alors qu'il doit dépanner une voiture dont le carburant est congelé, la route est fermée pour protéger des rennes en voie d'extinction qui se promènent à proximité. Thord travaille comme un fou pour permettre aux camions de circuler et garder la route ouverte. Dans le nord, les sauveteurs doivent dépanner un camion rempli de poissons, un tracteur qui a fini sa course dans une maison et un dumper qui a perdu son essieu arrière dans les collines abruptes et glacées.</t>
  </si>
  <si>
    <t>P0923552</t>
  </si>
  <si>
    <t>Car S.O.S. : Lancia Fulvia</t>
  </si>
  <si>
    <t>Lancia Fulvia</t>
  </si>
  <si>
    <t>Tim et Fuzz mettent le cap sur l’Écosse, où les attend une Lancia Fulvia de 1968, véritable chef-d’œuvre automobile italien des années 1960. Bill, un ancien coiffeur, en a fait l’acquisition en 1984. Ce petit bijou fit son bonheur et sa fierté, jusqu’à ce qu’il arrête d’arpenter le bitume il y a quelques années. Une fois à l’atelier, nos deux acolytes réalisent que ce qui s’apparentait à une voiture plutôt bien entretenue se révèle être un tacot rouillé et en lambeaux. Cette dernière décennie, Bill a été frappé par de nombreux problèmes de santé, dont un cancer de la prostate, un cancer de la gorge ainsi que trois lourdes opérations du cœur. Sa famille compte aujourd’hui sur l’équipe de Car S.O.S. pour remettre son bolide adoré sur pied et apporter un peu de joie dans sa vie.</t>
  </si>
  <si>
    <t>Car S.O.S. : Pires cauchemars</t>
  </si>
  <si>
    <t>Ultimate Nightmares</t>
  </si>
  <si>
    <t>Dans cet épisode best of de Car S.O.S., Tim et Fuzz reviennent sur quelques-uns de leurs plus grands défis et mauvaises surprises de ces huit dernières années. Retrouvez les voitures qui ont passé le seuil de l’atelier a priori en bon état et se sont révélées être le pire cauchemar de nos mécaniciens : la Porsche 911, la Triumph TR4, la BMW 2002 Turbo et la Mercedes Pagoda.</t>
  </si>
  <si>
    <t>P0784425</t>
  </si>
  <si>
    <t>Patrouille dans les bidonvilles</t>
  </si>
  <si>
    <t>Patrouille</t>
  </si>
  <si>
    <t>Patrouille dans les bidonvilles : Brésil et Afrique du Sud</t>
  </si>
  <si>
    <t>France</t>
  </si>
  <si>
    <t>Jean Bourbonnais,Jeremie Sok,Karina Marceau,Pascal Carron,Sylvain Braun</t>
  </si>
  <si>
    <t xml:space="preserve">Rio de Janeiro, au Brésil, est célèbre pour ses plages appréciées des touristes. Toutefois, derrière cette image de carte postale, 20 % de la population vit dans des bidonvilles appelés favelas. Dans ces quartiers laissés pour compte, les narcotrafiquants font la loi. Depuis 2008, l’État a décidé de frapper fort et de faire chuter la criminalité en envoyant une unité spéciale : les BOPE. Leur mission : réinstaller la police dans tous les quartiers.
Au Cap, en Afrique du Sud, le tourisme est florissant pour ses activités de plein air, notamment le surf. Mais derrière cette façade se cachent d’innombrables bidonvilles, les townships. 80 % des habitants vivent dans ces bidonvilles. C’est également dans ces zones que la délinquance sévit, majoritairement liée à la vente de drogue. Les délinquants forment des gangs et les règlements de compte entre bandes rivales font des carnages. Face à l’ampleur du problème, la ville du Cap a mis en place ses propres policiers : la Metropolitan Police.
</t>
  </si>
  <si>
    <t>P0784428</t>
  </si>
  <si>
    <t>Patrouille dans les territoires du narcotrafic</t>
  </si>
  <si>
    <t>Patrouille dans les territoires du narcotrafic : Pérou et Afghanistan</t>
  </si>
  <si>
    <t xml:space="preserve">Le Pérou partage, avec la Colombie, la première place au rang des plus gros producteurs de cocaïne. Depuis quelques années, la cocaïne péruvienne a gagné la triste réputation d’être la plus pure du marché. Elle est donc très convoitée par les mafias du monde entier. La forêt péruvienne est un milieu hostile, idéal pour y camoufler des activités clandestines. Alors, pour aller frapper le trafic directement sur les lieux de production, la police antidrogue péruvienne compte sur les Sinchis. 
De son côté, l’Afghanistan est le premier producteur mondial d’opium et de haschich, une économie occulte qui rapporterait plus de deux milliards de dollars par an aux barons de la drogue. Pour lutter contre ce fléau, la direction de la police antidrogue afghane, la CNPA, a créé les Kabul Gates. Leur mission : détecter, saisir et détruire la drogue que les trafiquants tentent d’introduire dans la ville.
</t>
  </si>
  <si>
    <t>P0784429</t>
  </si>
  <si>
    <t>Patrouille touristique</t>
  </si>
  <si>
    <t>Patrouille touristique : Mexique et Thaïlande</t>
  </si>
  <si>
    <t>Acapulco se classe au second rang des villes ayant le plus haut taux d’homicide au monde avec 104 meurtres pour 100 000 habitants. Les cartels règnent en maîtres dans certains quartiers. Étalés dans les médias, les règlements de comptes et luttes sanglantes pour le contrôle de la drogue ont eu pour effet de faire fuir les touristes étrangers. Être policier ici, c’est risquer sa vie chaque jour. Une tâche exigeante qu’assument les membres d’une unité spéciale. 
À l’autre bout du monde, en Thaïlande, la ville de Pattaya en Thaïlande ne vit que par et pour le tourisme. C’est plus de 4 millions de visiteurs qui prennent d’assaut chaque année cette petite ville d’à peine 100 000 habitants. Encouragés par le coût de la vie plutôt bas, attirés par une vie nocturne propice à tous les excès, les touristes débarquent de partout. Dans les quartiers chauds de la ville, cela se traduit souvent par des débordements violents. Les autorités thaïlandaises ont décidé de mettre un terme à ces excès.</t>
  </si>
  <si>
    <t>P0784430</t>
  </si>
  <si>
    <t>Patrouille au féminin</t>
  </si>
  <si>
    <t>Patrouille au féminin : Palestine et Inde</t>
  </si>
  <si>
    <t>À Ramallah, capitale administrative de l’Autorité palestinienne, les femmes qui composent les forces de police sont peu nombreuses, mais leur rôle est essentiel dans ce pays conservateur. Ce sont à elles que l’on octroie les tâches délicates qui impliquent les Palestiniennes.
À Hyderabad, en Inde, la pauvreté côtoie la richesse. Vols, viols, meurtres et conflits interreligieux : voici quelques-uns des crimes que les 15 000 policiers d’Hyderabad combattent jour après jour. Les crimes contre les femmes et la violence domestique y atteignent des taux effarants. C’est pourquoi on y retrouve des postes de police dédiés exclusivement aux femmes et dirigés par des femmes.</t>
  </si>
  <si>
    <t>12/03/2021</t>
  </si>
  <si>
    <t>N0025189</t>
  </si>
  <si>
    <t>Brain Games : Testez votre cerveau - Les arnaques</t>
  </si>
  <si>
    <t>Scams</t>
  </si>
  <si>
    <t>Soyez attentif, ce que vous allez découvrir dans cet épisode pourrait vous empêcher de vous faire arnaquer. Dans un vol, la victime est contrainte à donner de l'argent ou des biens. Dans une escroquerie, la victime remet volontiers ses objets de valeur. Chaque année, des millions de personnes dans le monde sont victimes d'escroquerie ou de fraude. Grâce à une série de jeux interactifs et d'expériences, vous découvrirez avec quelle facilité votre cerveau peut être trompé. Les fraudeurs et les escrocs savent comment votre cerveau fonctionne et surtout, comment utiliser ses failles à leur avantage. Vous serez surpris d'apprendre que votre cerveau est prédisposé à croire tout ce qu'il entend et comment le simple fait d'être humain peut vous conduire à des situations délicates. Préparez-vous à mordre à l'hameçon avec Brain Games.</t>
  </si>
  <si>
    <t>N0024420</t>
  </si>
  <si>
    <t>Nunchucks and Rollerblades</t>
  </si>
  <si>
    <t>Richard Hammond est de retour pour une nouvelle saison de Science of Stupid, la série qui combine science et vidéos spectaculaires des exploits ou des ratés des internautes. Découvrez toutes les manières possibles de se ridiculiser en montant sur des rollers, en utilisant un nunchuck ou en roulant sur des mini motos.</t>
  </si>
  <si>
    <t>N0024421</t>
  </si>
  <si>
    <t>Chest Bumps and Karate Kicks</t>
  </si>
  <si>
    <t>Richard Hammond est de retour pour une nouvelle saison de Science of Stupid, la série qui combine science et vidéos de cascades ratées des internautes. Découvrez toutes les manières possibles de se ridiculiser en montant sur des rollers, en utilisant un nunchuck ou en roulant sur des mini motos.</t>
  </si>
  <si>
    <t>N0013701</t>
  </si>
  <si>
    <t>Voyage au bout de l'enfer : Quito</t>
  </si>
  <si>
    <t>Conned In Quito</t>
  </si>
  <si>
    <t>2003. Alors qu'elle séjourne au Nigéria avec Olu, son mari nigérien, Zoe McGarry rencontre un homme nommé Tony. Ils deviennent rapidement amis et à son retour à Londres, Zoe l'invite chez elle pendant quelques temps, lui permettant ainsi de rendre visite à sa famille. Mais au bout de quelques mois, le caractère de Tony change complètement. Un jour, Tony disparaît. Quelques temps plus tard, Zoe reçoit un appel de Tony: coincé en Equateur, il la supplie de venir l'aider à renouveler son visa pour qu'il puisse rentrer au Royaume-Uni. Zoe le rejoint et en profite pour acheter quelques souvenirs. Tony lui propose un grand sac pour qu'elle puisse ramener ses achats. Le jour de son départ pour l'Irlande, la vie de Zoe bascule : elle se fait arrêter à l'aéroport avec deux kilos de cocaïne dissimulés dans le sac que Tony lui avait donné. Condamnée à seize ans de prison, elle en purge quatre et bénéficie d'une libération inespérée qui lui permet enfin de rentrer chez elle.</t>
  </si>
  <si>
    <t>N0013707</t>
  </si>
  <si>
    <t>Voyage au bout de l'enfer : Bali</t>
  </si>
  <si>
    <t>Busted In Bali</t>
  </si>
  <si>
    <t xml:space="preserve">En 1985, l'homme d'affaires australien Chris Parnell est arrêté et accusé du trafic de douze kilos de haschisch à Bali en Indonésie. Pour éviter un procès et une possible peine de mort, il feint d'être fou et se fait interner dans un hôpital psychiatrique. Sa première tentative pour s'échapper est un échec : il écope de la prison à vie. Déterminé à prouver son innocence, il refait une tentative, cette fois déguisé en femme, mais est reconnu par un ancien garde de la prison sur une plage. Il passe les onze années suivantes à vivre un calvaire pénitiencer où, attaqué par un des gangs, on le déclare mort à la morgue. Miraculeusement revenu à la vie, il est enfin libéré le 26 septembre 1996 suite aux pressions du gouvernement australien.  </t>
  </si>
  <si>
    <t>N0017168</t>
  </si>
  <si>
    <t>Air Crash : L'avion invisible</t>
  </si>
  <si>
    <t>The Invisible Plane</t>
  </si>
  <si>
    <t>Une nappe de brouillard couvre le ciel de Milan en ce 8 octobre 2001, alors que le vol SAS 686 prépare son décollage, en route pour Copenhague. Avec une visibilité proche de zéro, les pilotes comptent sur la tour de contrôle et le trafic aérien pour les guider. Alors que l'avion accélère puis décolle, il entre en pleine collision avec une Cessna qui se trouve sur sa trajectoire. Les deux appareils prennent feu et s'écrasent. C'est le pire accident de toute l'histoire de l'aviation italienne. Suivez  l'enquête de cette tragédie, qui révèle des erreurs professionnelles impardonnables.</t>
  </si>
  <si>
    <t>N0014360</t>
  </si>
  <si>
    <t>Air Crash : Le cargo de la mort</t>
  </si>
  <si>
    <t>Bad Attitude</t>
  </si>
  <si>
    <t xml:space="preserve">Le Boeing 747, vol 8509 de la compagnie Korean Air, partant de Londres, est à destination de Seoul le 22 décembre 1999. Avec un nouvel équipage à bord et avec près d'une heure de retard, l'avion décolle enfin et grimpe à 750 mètres de hauteur. Mais quelques secondes plus tard, l'avion penche brutalement sur la gauche et finit par se crasher dans un champ au nord-est de Londres. Les quatre membres de l'équipage meurent sur le coup dans une énorme explosion. C'est le 5ème accident en deux ans pour la compagnie aérienne coréenne, et les investigateurs  mènent l'enquête pour comprendre l'origine de cet accident tragique.
</t>
  </si>
  <si>
    <t>Made in USA : Le tracteur</t>
  </si>
  <si>
    <t>Tractors</t>
  </si>
  <si>
    <t>Face au défi majeur que pose l’alimentation d’une population mondiale croissante, le poids lourd du matériel agricole John Deere nous ouvre les portes de sa gigantesque usine de l’Iowa, où sont fabriqués les tracteurs les plus puissants au monde. À partir d’une immense fonderie de fer et de procédés industriels de pointe, le mastodonte conçoit des machines imposantes destinées à nourrir la planète.</t>
  </si>
  <si>
    <t>Made in USA : Le SUV</t>
  </si>
  <si>
    <t>Suvs</t>
  </si>
  <si>
    <t>Fort d’une histoire de près de 80 ans, Jeep fut le premier constructeur de voitures tout-terrain au monde. Pénétrez dans les coulisses de son usine située dans l’État américain de l’Ohio, où sont fabriqués par des robots plusieurs milliers du 4x4 le plus emblématique de la planète chaque jour : la Jeep Wrangler. Découvrez les secrets de cette réussite.</t>
  </si>
  <si>
    <t>Made in USA : La paire de baskets</t>
  </si>
  <si>
    <t>Sneakers</t>
  </si>
  <si>
    <t>Pénétrez dans les coulisses de l’usine New Balance, située à Lawrence, dans le Massachusetts. L’entreprise est l’une des dernières grandes marques de baskets qui continuent de confectionner leurs chaussures aux États-Unis. Son modèle le plus vendu est le résultat d’une parfaite alliance entre machines de pointe, savoir-faire artisanal et logistique mondiale.</t>
  </si>
  <si>
    <t>12:45:00:00</t>
  </si>
  <si>
    <t>Made in USA : Le whisky Jack Daniels</t>
  </si>
  <si>
    <t>Whiskey</t>
  </si>
  <si>
    <t>Il y a 150 ans, à Lynchburg, dans le Tennessee, le spiritueux devenu le plus célèbre des États-Unis connaissait de bien modestes débuts. Aujourd’hui, cette même distillerie produit plus de 120 millions de bouteilles par an de l’une des boissons les plus prisées de par le monde. Du broyage des céréales au vieillissement au charbon de bois dans des fûts, en passant par la distillation, découvrez le processus de fabrication du whisky Jack Daniels au cœur d’un marché d’une valeur de 800 milliards de dollars par an.</t>
  </si>
  <si>
    <t>P0846602</t>
  </si>
  <si>
    <t>Les trésors perdus de la Vallée des Rois : Le tombeau des pyramides</t>
  </si>
  <si>
    <t>Hunt For The Pyramid Tomb</t>
  </si>
  <si>
    <t>Pourquoi les grands pharaons égyptiens ont-ils donc abandonné les pyramides de Guizèh au profit d’un cimetière secret de la vallée des rois pour leur servir de lieu de sépulture ? À l’ombre des pyramides, un rare tombeau abrite une incroyable découverte. À 100 mètres sous terre, nous explorerons le premier tombeau bâti dans la vallée, pendant qu’une équipe de chercheurs de l’université de Bâle traque les indices permettant d’identifier les restes humains découverts au sein de tombes pillées.</t>
  </si>
  <si>
    <t>P0848521</t>
  </si>
  <si>
    <t>Les trésors perdus de la Vallée des Rois : Le tombeau perdu de Cléopâtre</t>
  </si>
  <si>
    <t>Cleopatra's Lost Tomb</t>
  </si>
  <si>
    <t>Nous partons sur les traces du tombeau perdu de la reine Cléopâtre. Une équipe d’archéologues sous-marins sonde les profondeurs de la Méditerranée à la recherche des ruines ensevelies de l’ancienne cité d’Alexandrie. D’autres chercheurs emmènent plusieurs momies vieilles de quatre millénaires à l’hôpital afin de les soumettre à un scanner susceptible de déceler des trésors cachés. Enfin, une avocate reconvertie en archéologue découvre un réseau de tunnels secrets au sein d’un temple abandonné qui pourrait bien mener… au tombeau du dernier pharaon d’Égypte.</t>
  </si>
  <si>
    <t>P0893956</t>
  </si>
  <si>
    <t>Pharaons noirs : tombeaux engloutis</t>
  </si>
  <si>
    <t>Black Pharaohs: Sunken Treasures</t>
  </si>
  <si>
    <t>Suite à une récente découverte dans une pyramide, au pays de l’or et des trésors antiques, des archéologues partent sur les traces du glorieux royaume de Nubie. Or, ces fouilles n’ont rien d’ordinaire, la pyramide étant submergée par les eaux. Pour la toute première fois, des chercheurs plongent au cœur de ces tombeaux sous-marins afin de faire la lumière sur l’ancien royaume qui a renversé les pharaons et régné sur l’Égypte pendant 75 ans.</t>
  </si>
  <si>
    <t>N0019016</t>
  </si>
  <si>
    <t>La route de l'enfer : Sierra Nevada - Zone à risque</t>
  </si>
  <si>
    <t>The Dead Zone</t>
  </si>
  <si>
    <t>Une véritable course contre la montre s'annonce pour Eddy lorsque celui-ci doit sauver un SUV qui manque de sombrer au fond d'un lac. Pour couronner le tout, le conducteur est toujours bloqué à l'intérieur...</t>
  </si>
  <si>
    <t>N0024681</t>
  </si>
  <si>
    <t>Extreme Rescues</t>
  </si>
  <si>
    <t xml:space="preserve">Dans ce dernier épisode, Thord, Bjørn et les autres reviennent sur les moments marquants de cette dernière saison et notamment sur un sauvetage qui a mal tourné et où les camions de dépannage ce sont aussi retrouvés dans le fossé. Vie, mort, ingéniosité, conditions météo désastreuses, étrangers bloqués dans les montagnes enneigées avec leurs pneus d'été, tout est passé au crible. Les sauveteurs revisitent tous ces moments où même le plus courageux des hommes peut ressentir de besoin de pleurer, rire ou crier. </t>
  </si>
  <si>
    <t>P0923557</t>
  </si>
  <si>
    <t>Car S.O.S. : Cannon Goldfinger</t>
  </si>
  <si>
    <t>Cannon Goldfinger</t>
  </si>
  <si>
    <t>Tim et Fuzz s’attaquent à la voiture la plus énigmatique qu’ils aient jamais restaurée : une voiture de course Cannon peu connue. Deuxième plus ancien sport automobile au monde, très populaire dans les années 50 et 60, le trial automobile consistait à franchir des parcours de boue et des pentes raides et glissantes à bord de véhicules adaptés. Fabriquées à la main par l’agriculteur originaire de Tasmanie Mike Cannon, les voitures du même nom furent probablement les plus célèbres et les plus victorieuses sur les circuits. L’une des plus triomphantes d’entre elles, la Goldfinger de 1964, attend aujourd’hui Tim et Fuzz pour retrouver son éclat. Son propriétaire, Dean, un ancien conducteur de bus passionné de trial automobile, a été frappé de plein fouet il y a huit ans par un grave accident vasculaire cérébral qui lui a fait perdre l’usage de la parole. L’objectif de nos deux acolytes : lui redonner le sourire !</t>
  </si>
  <si>
    <t>P0923549</t>
  </si>
  <si>
    <t>Car S.O.S. : Porsche 356</t>
  </si>
  <si>
    <t>Porsche 356</t>
  </si>
  <si>
    <t>Tim et Fuzz s’attaquent à la restauration du bolide à l’origine de l’un des plus grands constructeurs de voitures de sport au monde : la Porsche 356. Son propriétaire, Trevor, l’a achetée dans les années 1980, faisant alors de son rêve une réalité. À mesure que les coûts d’entretien et de réparation se sont accumulés, Trevor n’a plus pu se permettre de la conduire et sa Porsche tant aimée a terminé sa course dans un garage humide. Après avoir appris qu’il était atteint d’un cancer incurable, ses filles ont appelé Tim et Fuzz à la rescousse afin que leur père puisse remonter au volant de son bijou de 1964 une dernière fois.</t>
  </si>
  <si>
    <t>Food Factory : La soupe d’Andy Warhol</t>
  </si>
  <si>
    <t>Warhol Soup</t>
  </si>
  <si>
    <t>Quelle est la recette secrète de la soupe Campbell ? Pourquoi les bonbons Razzles ont-ils besoin de beaucoup de pression pour se transformer en chewing-gum ? Comment la bière se change-t-elle en excellent whisky canadien ? Pourquoi la neige carbonique est-elle essentielle à la fabrication d’une brioche sucrée ? Après avoir visionné cet épisode, ces questions n’auront plus de secrets pour vous.</t>
  </si>
  <si>
    <t>21:25:00:00</t>
  </si>
  <si>
    <t>Food Factory :</t>
  </si>
  <si>
    <t>The Big Apple</t>
  </si>
  <si>
    <t xml:space="preserve">Derrière chaque paquet de chips, canette de bière, barre chocolatée et tranche de pain se cache une chaîne de fabrication méga-industrialisée qui place chaque produit à la portée du grand public. Food Factory nous emmène dans les coulisses de cette industrie à la fois étrange et merveilleuse, à l’origine de nos aliments préférés. Des aliments frais aux produits finis, Food Factory nous révèle les processus de fabrication de nos péchés mignons dans les moindres détails. Découvrez l’envers du décor de l’industrie agroalimentaire !
</t>
  </si>
  <si>
    <t>Food Factory : Saveurs d’Inde</t>
  </si>
  <si>
    <t>A Taste of India</t>
  </si>
  <si>
    <t>Pourquoi les pommes de terre doivent-elles accomplir un voyage hydraulique extraordinaire pour se transformer en chips croustillantes ? Comment machines et mains humaines collaborent-elles pour confectionner le gulab jamun, un délicieux dessert venu d’Asie du Sud-Est ? Comment 6 millions d’œufs peuvent-ils permettre de fabriquer 75 millions de savoureux biscottis aux amandes ? Comment de simples fèves de soja riches en protéines donnent-elles naissance au tofu ? Après avoir visionné cet épisode, ces questions n’auront plus de secrets pour vous.</t>
  </si>
  <si>
    <t>22:15:00:00</t>
  </si>
  <si>
    <t>Food Factory : Tropical à souhait</t>
  </si>
  <si>
    <t>Totally Tropical</t>
  </si>
  <si>
    <t>Pourquoi les cacahuètes doivent-elles être remuées et rôties à l’huile chaude ? Comment une centrifugeuse industrielle déverse-t-elle d’énormes quantités de smoothies crémeux à la mangue ? Quel secret se cache derrière la fabrication du bocconcino, un fromage très gras ? Comment les brownies végétaliens peuvent-ils être à la fois sains et divinement bons ? Après avoir visionné cet épisode, ces questions n’auront plus de secrets pour vous.</t>
  </si>
  <si>
    <t>P0857648</t>
  </si>
  <si>
    <t>Incredible Machines : L’aéroglisseur</t>
  </si>
  <si>
    <t>Hovercraft</t>
  </si>
  <si>
    <t>L’ingénieur Chad Zdenek et une équipe de désassemblage s’attaquent au démontage du plus grand aéroglisseur au monde, révélant ainsi les innovations techniques l’ayant érigé au rang de légende de son époque. À San Diego, Chad prend les commandes de l’aéroglisseur de la marine américaine qui livre des combats et sauve des vies à travers le monde.</t>
  </si>
  <si>
    <t>P0857649</t>
  </si>
  <si>
    <t>Incredible Machines : La plate-forme pétrolière</t>
  </si>
  <si>
    <t>Oil Rig</t>
  </si>
  <si>
    <t>Pendant plus de 40 ans, la plate-forme pétrolière Brent Delta a extrait du pétrole et du gaz sous l’une des mers les plus agitées de la planète. Face au tarissement des gisements de pétrole, la plate-forme est aujourd’hui en cours de démantèlement sur un quai renforcé, construit à cet effet sur la côte nord-est de la Grande-Bretagne.</t>
  </si>
  <si>
    <t>24:40:00:00</t>
  </si>
  <si>
    <t>25:25:00:00</t>
  </si>
  <si>
    <t>P0857647</t>
  </si>
  <si>
    <t>Incredible Machines : La centrale à charbon</t>
  </si>
  <si>
    <t>Power Plant</t>
  </si>
  <si>
    <t>Il fut un temps où le charbon alimentait les prémices de l’Amérique moderne et où les cheminées ponctuaient le paysage. À l’heure où nous nous tournons vers le gaz naturel et les énergies renouvelables, l’ingénieur Chad Zdenek explore les rouages de l’une des plus imposantes centrales à charbon des États-Unis, en Caroline du Nord, avant qu’elle ne soit détruite et n’appartienne définitivement au passé.</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font>
      <sz val="11"/>
      <color rgb="FF000000"/>
      <name val="Calibri"/>
      <family val="2"/>
      <scheme val="minor"/>
    </font>
    <font>
      <sz val="11"/>
      <name val="Calibri"/>
    </font>
    <font>
      <b/>
      <sz val="12"/>
      <color rgb="FF000000"/>
      <name val="Segoe UI Light"/>
    </font>
    <font>
      <b/>
      <sz val="11"/>
      <color rgb="FF666666"/>
      <name val="Arial"/>
    </font>
    <font>
      <sz val="10"/>
      <color rgb="FF333333"/>
      <name val="Arial"/>
    </font>
  </fonts>
  <fills count="3">
    <fill>
      <patternFill patternType="none"/>
    </fill>
    <fill>
      <patternFill patternType="gray125"/>
    </fill>
    <fill>
      <patternFill patternType="solid">
        <fgColor rgb="FFFFFF00"/>
        <bgColor indexed="64"/>
      </patternFill>
    </fill>
  </fills>
  <borders count="4">
    <border>
      <left/>
      <right/>
      <top/>
      <bottom/>
      <diagonal/>
    </border>
    <border>
      <left style="thin">
        <color rgb="FF000000"/>
      </left>
      <right style="thin">
        <color rgb="FF000000"/>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s>
  <cellStyleXfs count="1">
    <xf numFmtId="0" fontId="0" fillId="0" borderId="0"/>
  </cellStyleXfs>
  <cellXfs count="9">
    <xf numFmtId="0" fontId="1" fillId="0" borderId="0" xfId="0" applyFont="1" applyFill="1" applyBorder="1"/>
    <xf numFmtId="0" fontId="3" fillId="0" borderId="1" xfId="0" applyNumberFormat="1" applyFont="1" applyFill="1" applyBorder="1" applyAlignment="1">
      <alignment horizontal="center" vertical="top" wrapText="1" readingOrder="1"/>
    </xf>
    <xf numFmtId="0" fontId="4" fillId="0" borderId="1" xfId="0" applyNumberFormat="1" applyFont="1" applyFill="1" applyBorder="1" applyAlignment="1">
      <alignment vertical="top" wrapText="1" readingOrder="1"/>
    </xf>
    <xf numFmtId="0" fontId="4" fillId="0" borderId="1" xfId="0" applyNumberFormat="1" applyFont="1" applyFill="1" applyBorder="1" applyAlignment="1">
      <alignment vertical="top" wrapText="1" readingOrder="1"/>
    </xf>
    <xf numFmtId="0" fontId="2" fillId="0" borderId="1" xfId="0" applyNumberFormat="1" applyFont="1" applyFill="1" applyBorder="1" applyAlignment="1">
      <alignment vertical="top" wrapText="1" readingOrder="1"/>
    </xf>
    <xf numFmtId="0" fontId="1" fillId="0" borderId="2" xfId="0" applyNumberFormat="1" applyFont="1" applyFill="1" applyBorder="1" applyAlignment="1">
      <alignment vertical="top" wrapText="1"/>
    </xf>
    <xf numFmtId="0" fontId="1" fillId="0" borderId="3" xfId="0" applyNumberFormat="1" applyFont="1" applyFill="1" applyBorder="1" applyAlignment="1">
      <alignment vertical="top" wrapText="1"/>
    </xf>
    <xf numFmtId="0" fontId="4" fillId="2" borderId="1" xfId="0" applyNumberFormat="1" applyFont="1" applyFill="1" applyBorder="1" applyAlignment="1">
      <alignment vertical="top" wrapText="1" readingOrder="1"/>
    </xf>
    <xf numFmtId="0" fontId="1" fillId="2" borderId="0" xfId="0" applyFont="1" applyFill="1" applyBorder="1"/>
  </cellXfs>
  <cellStyles count="1">
    <cellStyle name="Normal"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666666"/>
      <rgbColor rgb="00333333"/>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FF0000"/>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236"/>
  <sheetViews>
    <sheetView showGridLines="0" tabSelected="1" topLeftCell="A213" workbookViewId="0">
      <selection activeCell="A219" sqref="A219:XFD219"/>
    </sheetView>
  </sheetViews>
  <sheetFormatPr defaultRowHeight="15"/>
  <cols>
    <col min="1" max="1" width="11.85546875" customWidth="1"/>
    <col min="2" max="2" width="14" customWidth="1"/>
    <col min="3" max="3" width="15.28515625" customWidth="1"/>
    <col min="4" max="4" width="19.85546875" customWidth="1"/>
    <col min="5" max="5" width="22.28515625" customWidth="1"/>
    <col min="6" max="6" width="21.140625" customWidth="1"/>
    <col min="7" max="7" width="15.85546875" customWidth="1"/>
    <col min="8" max="8" width="13.7109375" customWidth="1"/>
    <col min="9" max="9" width="27.7109375" customWidth="1"/>
    <col min="10" max="10" width="19.85546875" customWidth="1"/>
    <col min="11" max="11" width="21.42578125" customWidth="1"/>
    <col min="12" max="12" width="64.7109375" customWidth="1"/>
    <col min="13" max="13" width="0" hidden="1" customWidth="1"/>
  </cols>
  <sheetData>
    <row r="1" spans="1:12" ht="18" customHeight="1">
      <c r="A1" s="4" t="s">
        <v>0</v>
      </c>
      <c r="B1" s="5"/>
      <c r="C1" s="5"/>
      <c r="D1" s="5"/>
      <c r="E1" s="5"/>
      <c r="F1" s="5"/>
      <c r="G1" s="5"/>
      <c r="H1" s="5"/>
      <c r="I1" s="5"/>
      <c r="J1" s="5"/>
      <c r="K1" s="5"/>
      <c r="L1" s="6"/>
    </row>
    <row r="2" spans="1:12">
      <c r="A2" s="1" t="s">
        <v>1</v>
      </c>
      <c r="B2" s="1" t="s">
        <v>2</v>
      </c>
      <c r="C2" s="1" t="s">
        <v>3</v>
      </c>
      <c r="D2" s="1" t="s">
        <v>4</v>
      </c>
      <c r="E2" s="1" t="s">
        <v>5</v>
      </c>
      <c r="F2" s="1" t="s">
        <v>6</v>
      </c>
      <c r="G2" s="1" t="s">
        <v>7</v>
      </c>
      <c r="H2" s="1" t="s">
        <v>8</v>
      </c>
      <c r="I2" s="1" t="s">
        <v>9</v>
      </c>
      <c r="J2" s="1" t="s">
        <v>10</v>
      </c>
      <c r="K2" s="1" t="s">
        <v>11</v>
      </c>
      <c r="L2" s="1" t="s">
        <v>12</v>
      </c>
    </row>
    <row r="3" spans="1:12" ht="15.2" customHeight="1">
      <c r="A3" s="2" t="s">
        <v>13</v>
      </c>
      <c r="B3" s="2" t="s">
        <v>14</v>
      </c>
      <c r="C3" s="2" t="s">
        <v>15</v>
      </c>
      <c r="D3" s="2" t="s">
        <v>16</v>
      </c>
      <c r="E3" s="2" t="s">
        <v>17</v>
      </c>
      <c r="F3" s="2" t="s">
        <v>18</v>
      </c>
      <c r="G3" s="3">
        <v>1</v>
      </c>
      <c r="H3" s="2" t="s">
        <v>19</v>
      </c>
      <c r="I3" s="3">
        <v>2014</v>
      </c>
      <c r="J3" s="2" t="s">
        <v>20</v>
      </c>
      <c r="K3" s="2"/>
      <c r="L3" s="2" t="s">
        <v>21</v>
      </c>
    </row>
    <row r="4" spans="1:12" ht="15.2" customHeight="1">
      <c r="A4" s="2" t="s">
        <v>13</v>
      </c>
      <c r="B4" s="2" t="s">
        <v>22</v>
      </c>
      <c r="C4" s="2" t="s">
        <v>23</v>
      </c>
      <c r="D4" s="2" t="s">
        <v>24</v>
      </c>
      <c r="E4" s="2" t="s">
        <v>25</v>
      </c>
      <c r="F4" s="2" t="s">
        <v>26</v>
      </c>
      <c r="G4" s="3">
        <v>7</v>
      </c>
      <c r="H4" s="2" t="s">
        <v>27</v>
      </c>
      <c r="I4" s="3">
        <v>2015</v>
      </c>
      <c r="J4" s="2" t="s">
        <v>28</v>
      </c>
      <c r="K4" s="2"/>
      <c r="L4" s="2" t="s">
        <v>29</v>
      </c>
    </row>
    <row r="5" spans="1:12" ht="15.2" customHeight="1">
      <c r="A5" s="2" t="s">
        <v>13</v>
      </c>
      <c r="B5" s="2" t="s">
        <v>30</v>
      </c>
      <c r="C5" s="2" t="s">
        <v>31</v>
      </c>
      <c r="D5" s="2" t="s">
        <v>24</v>
      </c>
      <c r="E5" s="2" t="s">
        <v>25</v>
      </c>
      <c r="F5" s="2" t="s">
        <v>32</v>
      </c>
      <c r="G5" s="3">
        <v>8</v>
      </c>
      <c r="H5" s="2" t="s">
        <v>27</v>
      </c>
      <c r="I5" s="3">
        <v>2015</v>
      </c>
      <c r="J5" s="2" t="s">
        <v>28</v>
      </c>
      <c r="K5" s="2"/>
      <c r="L5" s="2" t="s">
        <v>33</v>
      </c>
    </row>
    <row r="6" spans="1:12" ht="15.2" customHeight="1">
      <c r="A6" s="2" t="s">
        <v>13</v>
      </c>
      <c r="B6" s="2" t="s">
        <v>34</v>
      </c>
      <c r="C6" s="2"/>
      <c r="D6" s="2" t="s">
        <v>35</v>
      </c>
      <c r="E6" s="2" t="s">
        <v>36</v>
      </c>
      <c r="F6" s="2" t="s">
        <v>37</v>
      </c>
      <c r="G6" s="3">
        <v>1</v>
      </c>
      <c r="H6" s="2" t="s">
        <v>38</v>
      </c>
      <c r="I6" s="3">
        <v>2012</v>
      </c>
      <c r="J6" s="2" t="s">
        <v>39</v>
      </c>
      <c r="K6" s="2"/>
      <c r="L6" s="2" t="s">
        <v>40</v>
      </c>
    </row>
    <row r="7" spans="1:12" ht="15.2" customHeight="1">
      <c r="A7" s="2" t="s">
        <v>13</v>
      </c>
      <c r="B7" s="2" t="s">
        <v>41</v>
      </c>
      <c r="C7" s="2"/>
      <c r="D7" s="2" t="s">
        <v>42</v>
      </c>
      <c r="E7" s="2" t="s">
        <v>36</v>
      </c>
      <c r="F7" s="2" t="s">
        <v>43</v>
      </c>
      <c r="G7" s="3">
        <v>2</v>
      </c>
      <c r="H7" s="2" t="s">
        <v>38</v>
      </c>
      <c r="I7" s="3">
        <v>2012</v>
      </c>
      <c r="J7" s="2" t="s">
        <v>39</v>
      </c>
      <c r="K7" s="2"/>
      <c r="L7" s="2" t="s">
        <v>44</v>
      </c>
    </row>
    <row r="8" spans="1:12" ht="15.2" customHeight="1">
      <c r="A8" s="2" t="s">
        <v>13</v>
      </c>
      <c r="B8" s="2" t="s">
        <v>45</v>
      </c>
      <c r="C8" s="2"/>
      <c r="D8" s="2" t="s">
        <v>46</v>
      </c>
      <c r="E8" s="2" t="s">
        <v>36</v>
      </c>
      <c r="F8" s="2" t="s">
        <v>47</v>
      </c>
      <c r="G8" s="3">
        <v>3</v>
      </c>
      <c r="H8" s="2" t="s">
        <v>38</v>
      </c>
      <c r="I8" s="3">
        <v>2012</v>
      </c>
      <c r="J8" s="2" t="s">
        <v>39</v>
      </c>
      <c r="K8" s="2"/>
      <c r="L8" s="2" t="s">
        <v>48</v>
      </c>
    </row>
    <row r="9" spans="1:12" ht="15.2" customHeight="1">
      <c r="A9" s="2" t="s">
        <v>13</v>
      </c>
      <c r="B9" s="2" t="s">
        <v>49</v>
      </c>
      <c r="C9" s="2"/>
      <c r="D9" s="2" t="s">
        <v>50</v>
      </c>
      <c r="E9" s="2" t="s">
        <v>36</v>
      </c>
      <c r="F9" s="2" t="s">
        <v>51</v>
      </c>
      <c r="G9" s="3">
        <v>4</v>
      </c>
      <c r="H9" s="2" t="s">
        <v>52</v>
      </c>
      <c r="I9" s="3">
        <v>2012</v>
      </c>
      <c r="J9" s="2" t="s">
        <v>39</v>
      </c>
      <c r="K9" s="2"/>
      <c r="L9" s="2" t="s">
        <v>53</v>
      </c>
    </row>
    <row r="10" spans="1:12" ht="15.2" customHeight="1">
      <c r="A10" s="2" t="s">
        <v>13</v>
      </c>
      <c r="B10" s="2" t="s">
        <v>54</v>
      </c>
      <c r="C10" s="2" t="s">
        <v>55</v>
      </c>
      <c r="D10" s="2" t="s">
        <v>56</v>
      </c>
      <c r="E10" s="2" t="s">
        <v>57</v>
      </c>
      <c r="F10" s="2" t="s">
        <v>58</v>
      </c>
      <c r="G10" s="3">
        <v>1</v>
      </c>
      <c r="H10" s="2" t="s">
        <v>59</v>
      </c>
      <c r="I10" s="3">
        <v>2018</v>
      </c>
      <c r="J10" s="2" t="s">
        <v>20</v>
      </c>
      <c r="K10" s="2"/>
      <c r="L10" s="2" t="s">
        <v>60</v>
      </c>
    </row>
    <row r="11" spans="1:12" ht="15.2" customHeight="1">
      <c r="A11" s="2" t="s">
        <v>13</v>
      </c>
      <c r="B11" s="2" t="s">
        <v>61</v>
      </c>
      <c r="C11" s="2"/>
      <c r="D11" s="2" t="s">
        <v>62</v>
      </c>
      <c r="E11" s="2" t="s">
        <v>63</v>
      </c>
      <c r="F11" s="2" t="s">
        <v>64</v>
      </c>
      <c r="G11" s="3">
        <v>8</v>
      </c>
      <c r="H11" s="2" t="s">
        <v>59</v>
      </c>
      <c r="I11" s="3">
        <v>2020</v>
      </c>
      <c r="J11" s="2" t="s">
        <v>39</v>
      </c>
      <c r="K11" s="2"/>
      <c r="L11" s="2" t="s">
        <v>65</v>
      </c>
    </row>
    <row r="12" spans="1:12" ht="15.2" customHeight="1">
      <c r="A12" s="2" t="s">
        <v>13</v>
      </c>
      <c r="B12" s="2" t="s">
        <v>66</v>
      </c>
      <c r="C12" s="2"/>
      <c r="D12" s="2" t="s">
        <v>67</v>
      </c>
      <c r="E12" s="2" t="s">
        <v>63</v>
      </c>
      <c r="F12" s="2" t="s">
        <v>68</v>
      </c>
      <c r="G12" s="3">
        <v>5</v>
      </c>
      <c r="H12" s="2" t="s">
        <v>59</v>
      </c>
      <c r="I12" s="3">
        <v>2020</v>
      </c>
      <c r="J12" s="2" t="s">
        <v>39</v>
      </c>
      <c r="K12" s="2"/>
      <c r="L12" s="2" t="s">
        <v>69</v>
      </c>
    </row>
    <row r="13" spans="1:12" ht="15.2" customHeight="1">
      <c r="A13" s="2" t="s">
        <v>13</v>
      </c>
      <c r="B13" s="2" t="s">
        <v>70</v>
      </c>
      <c r="C13" s="2" t="s">
        <v>71</v>
      </c>
      <c r="D13" s="2" t="s">
        <v>72</v>
      </c>
      <c r="E13" s="2" t="s">
        <v>63</v>
      </c>
      <c r="F13" s="2" t="s">
        <v>73</v>
      </c>
      <c r="G13" s="3">
        <v>7</v>
      </c>
      <c r="H13" s="2" t="s">
        <v>74</v>
      </c>
      <c r="I13" s="3">
        <v>2018</v>
      </c>
      <c r="J13" s="2" t="s">
        <v>20</v>
      </c>
      <c r="K13" s="2"/>
      <c r="L13" s="2" t="s">
        <v>75</v>
      </c>
    </row>
    <row r="14" spans="1:12" ht="15.2" customHeight="1">
      <c r="A14" s="2" t="s">
        <v>13</v>
      </c>
      <c r="B14" s="2" t="s">
        <v>76</v>
      </c>
      <c r="C14" s="2" t="s">
        <v>77</v>
      </c>
      <c r="D14" s="2" t="s">
        <v>78</v>
      </c>
      <c r="E14" s="2" t="s">
        <v>63</v>
      </c>
      <c r="F14" s="2" t="s">
        <v>79</v>
      </c>
      <c r="G14" s="3">
        <v>8</v>
      </c>
      <c r="H14" s="2" t="s">
        <v>74</v>
      </c>
      <c r="I14" s="3">
        <v>2018</v>
      </c>
      <c r="J14" s="2" t="s">
        <v>20</v>
      </c>
      <c r="K14" s="2"/>
      <c r="L14" s="2" t="s">
        <v>80</v>
      </c>
    </row>
    <row r="15" spans="1:12" ht="15.2" customHeight="1">
      <c r="A15" s="2" t="s">
        <v>13</v>
      </c>
      <c r="B15" s="2" t="s">
        <v>81</v>
      </c>
      <c r="C15" s="2" t="s">
        <v>82</v>
      </c>
      <c r="D15" s="2" t="s">
        <v>83</v>
      </c>
      <c r="E15" s="2" t="s">
        <v>84</v>
      </c>
      <c r="F15" s="2" t="s">
        <v>84</v>
      </c>
      <c r="G15" s="3">
        <v>1</v>
      </c>
      <c r="H15" s="2" t="s">
        <v>59</v>
      </c>
      <c r="I15" s="3">
        <v>2019</v>
      </c>
      <c r="J15" s="2" t="s">
        <v>20</v>
      </c>
      <c r="K15" s="2"/>
      <c r="L15" s="2" t="s">
        <v>85</v>
      </c>
    </row>
    <row r="16" spans="1:12" ht="15.2" customHeight="1">
      <c r="A16" s="2" t="s">
        <v>13</v>
      </c>
      <c r="B16" s="2" t="s">
        <v>86</v>
      </c>
      <c r="C16" s="2" t="s">
        <v>87</v>
      </c>
      <c r="D16" s="2" t="s">
        <v>88</v>
      </c>
      <c r="E16" s="2" t="s">
        <v>89</v>
      </c>
      <c r="F16" s="2" t="s">
        <v>90</v>
      </c>
      <c r="G16" s="3">
        <v>1</v>
      </c>
      <c r="H16" s="2" t="s">
        <v>59</v>
      </c>
      <c r="I16" s="3">
        <v>2019</v>
      </c>
      <c r="J16" s="2" t="s">
        <v>20</v>
      </c>
      <c r="K16" s="2"/>
      <c r="L16" s="2" t="s">
        <v>91</v>
      </c>
    </row>
    <row r="17" spans="1:12" ht="15.2" customHeight="1">
      <c r="A17" s="2" t="s">
        <v>13</v>
      </c>
      <c r="B17" s="2" t="s">
        <v>92</v>
      </c>
      <c r="C17" s="2" t="s">
        <v>93</v>
      </c>
      <c r="D17" s="2" t="s">
        <v>94</v>
      </c>
      <c r="E17" s="2" t="s">
        <v>89</v>
      </c>
      <c r="F17" s="2" t="s">
        <v>95</v>
      </c>
      <c r="G17" s="3">
        <v>2</v>
      </c>
      <c r="H17" s="2" t="s">
        <v>59</v>
      </c>
      <c r="I17" s="3">
        <v>2019</v>
      </c>
      <c r="J17" s="2" t="s">
        <v>20</v>
      </c>
      <c r="K17" s="2"/>
      <c r="L17" s="2" t="s">
        <v>96</v>
      </c>
    </row>
    <row r="18" spans="1:12" ht="15.2" customHeight="1">
      <c r="A18" s="2" t="s">
        <v>13</v>
      </c>
      <c r="B18" s="2" t="s">
        <v>97</v>
      </c>
      <c r="C18" s="2" t="s">
        <v>98</v>
      </c>
      <c r="D18" s="2" t="s">
        <v>99</v>
      </c>
      <c r="E18" s="2" t="s">
        <v>89</v>
      </c>
      <c r="F18" s="2" t="s">
        <v>100</v>
      </c>
      <c r="G18" s="3">
        <v>3</v>
      </c>
      <c r="H18" s="2" t="s">
        <v>59</v>
      </c>
      <c r="I18" s="3">
        <v>2019</v>
      </c>
      <c r="J18" s="2" t="s">
        <v>20</v>
      </c>
      <c r="K18" s="2"/>
      <c r="L18" s="2" t="s">
        <v>101</v>
      </c>
    </row>
    <row r="19" spans="1:12" ht="15.2" customHeight="1">
      <c r="A19" s="2" t="s">
        <v>13</v>
      </c>
      <c r="B19" s="2" t="s">
        <v>102</v>
      </c>
      <c r="C19" s="2"/>
      <c r="D19" s="2" t="s">
        <v>103</v>
      </c>
      <c r="E19" s="2" t="s">
        <v>104</v>
      </c>
      <c r="F19" s="2" t="s">
        <v>105</v>
      </c>
      <c r="G19" s="3">
        <v>1</v>
      </c>
      <c r="H19" s="2" t="s">
        <v>59</v>
      </c>
      <c r="I19" s="3">
        <v>2019</v>
      </c>
      <c r="J19" s="2" t="s">
        <v>20</v>
      </c>
      <c r="K19" s="2"/>
      <c r="L19" s="2" t="s">
        <v>106</v>
      </c>
    </row>
    <row r="20" spans="1:12" ht="15.2" customHeight="1">
      <c r="A20" s="2" t="s">
        <v>13</v>
      </c>
      <c r="B20" s="2" t="s">
        <v>107</v>
      </c>
      <c r="C20" s="2"/>
      <c r="D20" s="2" t="s">
        <v>108</v>
      </c>
      <c r="E20" s="2" t="s">
        <v>104</v>
      </c>
      <c r="F20" s="2" t="s">
        <v>109</v>
      </c>
      <c r="G20" s="3">
        <v>2</v>
      </c>
      <c r="H20" s="2" t="s">
        <v>59</v>
      </c>
      <c r="I20" s="3">
        <v>2019</v>
      </c>
      <c r="J20" s="2" t="s">
        <v>20</v>
      </c>
      <c r="K20" s="2"/>
      <c r="L20" s="2" t="s">
        <v>110</v>
      </c>
    </row>
    <row r="21" spans="1:12" ht="15.2" customHeight="1">
      <c r="A21" s="2" t="s">
        <v>13</v>
      </c>
      <c r="B21" s="2" t="s">
        <v>111</v>
      </c>
      <c r="C21" s="2"/>
      <c r="D21" s="2" t="s">
        <v>112</v>
      </c>
      <c r="E21" s="2" t="s">
        <v>104</v>
      </c>
      <c r="F21" s="2" t="s">
        <v>113</v>
      </c>
      <c r="G21" s="3">
        <v>3</v>
      </c>
      <c r="H21" s="2" t="s">
        <v>59</v>
      </c>
      <c r="I21" s="3">
        <v>2019</v>
      </c>
      <c r="J21" s="2" t="s">
        <v>20</v>
      </c>
      <c r="K21" s="2"/>
      <c r="L21" s="2" t="s">
        <v>114</v>
      </c>
    </row>
    <row r="22" spans="1:12" ht="15.2" customHeight="1">
      <c r="A22" s="2" t="s">
        <v>13</v>
      </c>
      <c r="B22" s="2" t="s">
        <v>115</v>
      </c>
      <c r="C22" s="2" t="s">
        <v>116</v>
      </c>
      <c r="D22" s="2" t="s">
        <v>117</v>
      </c>
      <c r="E22" s="2" t="s">
        <v>118</v>
      </c>
      <c r="F22" s="2" t="s">
        <v>119</v>
      </c>
      <c r="G22" s="3">
        <v>1</v>
      </c>
      <c r="H22" s="2" t="s">
        <v>59</v>
      </c>
      <c r="I22" s="3">
        <v>2017</v>
      </c>
      <c r="J22" s="2" t="s">
        <v>120</v>
      </c>
      <c r="K22" s="2"/>
      <c r="L22" s="2" t="s">
        <v>121</v>
      </c>
    </row>
    <row r="23" spans="1:12" s="8" customFormat="1" ht="15.2" customHeight="1">
      <c r="A23" s="7" t="s">
        <v>13</v>
      </c>
      <c r="B23" s="7" t="s">
        <v>122</v>
      </c>
      <c r="C23" s="7"/>
      <c r="D23" s="7" t="s">
        <v>123</v>
      </c>
      <c r="E23" s="7" t="s">
        <v>63</v>
      </c>
      <c r="F23" s="7" t="s">
        <v>124</v>
      </c>
      <c r="G23" s="7">
        <v>6</v>
      </c>
      <c r="H23" s="7" t="s">
        <v>59</v>
      </c>
      <c r="I23" s="7">
        <v>2020</v>
      </c>
      <c r="J23" s="7" t="s">
        <v>39</v>
      </c>
      <c r="K23" s="7"/>
      <c r="L23" s="7" t="s">
        <v>125</v>
      </c>
    </row>
    <row r="24" spans="1:12" ht="15.2" customHeight="1">
      <c r="A24" s="2" t="s">
        <v>13</v>
      </c>
      <c r="B24" s="2" t="s">
        <v>126</v>
      </c>
      <c r="C24" s="2"/>
      <c r="D24" s="2" t="s">
        <v>127</v>
      </c>
      <c r="E24" s="2" t="s">
        <v>63</v>
      </c>
      <c r="F24" s="2" t="s">
        <v>128</v>
      </c>
      <c r="G24" s="3">
        <v>9</v>
      </c>
      <c r="H24" s="2" t="s">
        <v>59</v>
      </c>
      <c r="I24" s="3">
        <v>2020</v>
      </c>
      <c r="J24" s="2" t="s">
        <v>39</v>
      </c>
      <c r="K24" s="2"/>
      <c r="L24" s="2" t="s">
        <v>129</v>
      </c>
    </row>
    <row r="25" spans="1:12" ht="15.2" customHeight="1">
      <c r="A25" s="2" t="s">
        <v>13</v>
      </c>
      <c r="B25" s="2" t="s">
        <v>130</v>
      </c>
      <c r="C25" s="2" t="s">
        <v>131</v>
      </c>
      <c r="D25" s="2" t="s">
        <v>132</v>
      </c>
      <c r="E25" s="2" t="s">
        <v>63</v>
      </c>
      <c r="F25" s="2" t="s">
        <v>133</v>
      </c>
      <c r="G25" s="3">
        <v>9</v>
      </c>
      <c r="H25" s="2" t="s">
        <v>74</v>
      </c>
      <c r="I25" s="3">
        <v>2018</v>
      </c>
      <c r="J25" s="2" t="s">
        <v>20</v>
      </c>
      <c r="K25" s="2"/>
      <c r="L25" s="2" t="s">
        <v>134</v>
      </c>
    </row>
    <row r="26" spans="1:12" ht="15.2" customHeight="1">
      <c r="A26" s="2" t="s">
        <v>13</v>
      </c>
      <c r="B26" s="2" t="s">
        <v>135</v>
      </c>
      <c r="C26" s="2" t="s">
        <v>136</v>
      </c>
      <c r="D26" s="2" t="s">
        <v>137</v>
      </c>
      <c r="E26" s="2" t="s">
        <v>63</v>
      </c>
      <c r="F26" s="2" t="s">
        <v>138</v>
      </c>
      <c r="G26" s="3">
        <v>10</v>
      </c>
      <c r="H26" s="2" t="s">
        <v>74</v>
      </c>
      <c r="I26" s="3">
        <v>2018</v>
      </c>
      <c r="J26" s="2" t="s">
        <v>20</v>
      </c>
      <c r="K26" s="2"/>
      <c r="L26" s="2" t="s">
        <v>139</v>
      </c>
    </row>
    <row r="27" spans="1:12" ht="15.2" customHeight="1">
      <c r="A27" s="2" t="s">
        <v>13</v>
      </c>
      <c r="B27" s="2" t="s">
        <v>140</v>
      </c>
      <c r="C27" s="2"/>
      <c r="D27" s="2" t="s">
        <v>62</v>
      </c>
      <c r="E27" s="2" t="s">
        <v>63</v>
      </c>
      <c r="F27" s="2" t="s">
        <v>64</v>
      </c>
      <c r="G27" s="3">
        <v>8</v>
      </c>
      <c r="H27" s="2" t="s">
        <v>59</v>
      </c>
      <c r="I27" s="3">
        <v>2020</v>
      </c>
      <c r="J27" s="2" t="s">
        <v>39</v>
      </c>
      <c r="K27" s="2"/>
      <c r="L27" s="2" t="s">
        <v>65</v>
      </c>
    </row>
    <row r="28" spans="1:12" ht="15.2" customHeight="1">
      <c r="A28" s="2" t="s">
        <v>13</v>
      </c>
      <c r="B28" s="2" t="s">
        <v>141</v>
      </c>
      <c r="C28" s="2"/>
      <c r="D28" s="2" t="s">
        <v>67</v>
      </c>
      <c r="E28" s="2" t="s">
        <v>63</v>
      </c>
      <c r="F28" s="2" t="s">
        <v>68</v>
      </c>
      <c r="G28" s="3">
        <v>5</v>
      </c>
      <c r="H28" s="2" t="s">
        <v>59</v>
      </c>
      <c r="I28" s="3">
        <v>2020</v>
      </c>
      <c r="J28" s="2" t="s">
        <v>39</v>
      </c>
      <c r="K28" s="2"/>
      <c r="L28" s="2" t="s">
        <v>69</v>
      </c>
    </row>
    <row r="29" spans="1:12" ht="15.2" customHeight="1">
      <c r="A29" s="2" t="s">
        <v>13</v>
      </c>
      <c r="B29" s="2" t="s">
        <v>142</v>
      </c>
      <c r="C29" s="2" t="s">
        <v>71</v>
      </c>
      <c r="D29" s="2" t="s">
        <v>72</v>
      </c>
      <c r="E29" s="2" t="s">
        <v>63</v>
      </c>
      <c r="F29" s="2" t="s">
        <v>73</v>
      </c>
      <c r="G29" s="3">
        <v>7</v>
      </c>
      <c r="H29" s="2" t="s">
        <v>74</v>
      </c>
      <c r="I29" s="3">
        <v>2018</v>
      </c>
      <c r="J29" s="2" t="s">
        <v>20</v>
      </c>
      <c r="K29" s="2"/>
      <c r="L29" s="2" t="s">
        <v>75</v>
      </c>
    </row>
    <row r="30" spans="1:12" ht="15.2" customHeight="1">
      <c r="A30" s="2" t="s">
        <v>13</v>
      </c>
      <c r="B30" s="2" t="s">
        <v>143</v>
      </c>
      <c r="C30" s="2" t="s">
        <v>77</v>
      </c>
      <c r="D30" s="2" t="s">
        <v>78</v>
      </c>
      <c r="E30" s="2" t="s">
        <v>63</v>
      </c>
      <c r="F30" s="2" t="s">
        <v>79</v>
      </c>
      <c r="G30" s="3">
        <v>8</v>
      </c>
      <c r="H30" s="2" t="s">
        <v>74</v>
      </c>
      <c r="I30" s="3">
        <v>2018</v>
      </c>
      <c r="J30" s="2" t="s">
        <v>20</v>
      </c>
      <c r="K30" s="2"/>
      <c r="L30" s="2" t="s">
        <v>80</v>
      </c>
    </row>
    <row r="31" spans="1:12" ht="15.2" customHeight="1">
      <c r="A31" s="2" t="s">
        <v>13</v>
      </c>
      <c r="B31" s="2" t="s">
        <v>144</v>
      </c>
      <c r="C31" s="2" t="s">
        <v>23</v>
      </c>
      <c r="D31" s="2" t="s">
        <v>24</v>
      </c>
      <c r="E31" s="2" t="s">
        <v>25</v>
      </c>
      <c r="F31" s="2" t="s">
        <v>26</v>
      </c>
      <c r="G31" s="3">
        <v>7</v>
      </c>
      <c r="H31" s="2" t="s">
        <v>27</v>
      </c>
      <c r="I31" s="3">
        <v>2015</v>
      </c>
      <c r="J31" s="2" t="s">
        <v>28</v>
      </c>
      <c r="K31" s="2"/>
      <c r="L31" s="2" t="s">
        <v>29</v>
      </c>
    </row>
    <row r="32" spans="1:12" ht="15.2" customHeight="1">
      <c r="A32" s="2" t="s">
        <v>13</v>
      </c>
      <c r="B32" s="2" t="s">
        <v>145</v>
      </c>
      <c r="C32" s="2" t="s">
        <v>31</v>
      </c>
      <c r="D32" s="2" t="s">
        <v>24</v>
      </c>
      <c r="E32" s="2" t="s">
        <v>25</v>
      </c>
      <c r="F32" s="2" t="s">
        <v>32</v>
      </c>
      <c r="G32" s="3">
        <v>8</v>
      </c>
      <c r="H32" s="2" t="s">
        <v>27</v>
      </c>
      <c r="I32" s="3">
        <v>2015</v>
      </c>
      <c r="J32" s="2" t="s">
        <v>28</v>
      </c>
      <c r="K32" s="2"/>
      <c r="L32" s="2" t="s">
        <v>33</v>
      </c>
    </row>
    <row r="33" spans="1:12" ht="15.2" customHeight="1">
      <c r="A33" s="2" t="s">
        <v>13</v>
      </c>
      <c r="B33" s="2" t="s">
        <v>146</v>
      </c>
      <c r="C33" s="2" t="s">
        <v>147</v>
      </c>
      <c r="D33" s="2" t="s">
        <v>148</v>
      </c>
      <c r="E33" s="2" t="s">
        <v>149</v>
      </c>
      <c r="F33" s="2" t="s">
        <v>150</v>
      </c>
      <c r="G33" s="3">
        <v>11</v>
      </c>
      <c r="H33" s="2" t="s">
        <v>59</v>
      </c>
      <c r="I33" s="3">
        <v>2010</v>
      </c>
      <c r="J33" s="2" t="s">
        <v>20</v>
      </c>
      <c r="K33" s="2"/>
      <c r="L33" s="2" t="s">
        <v>151</v>
      </c>
    </row>
    <row r="34" spans="1:12" ht="15.2" customHeight="1">
      <c r="A34" s="2" t="s">
        <v>13</v>
      </c>
      <c r="B34" s="2" t="s">
        <v>152</v>
      </c>
      <c r="C34" s="2" t="s">
        <v>153</v>
      </c>
      <c r="D34" s="2" t="s">
        <v>154</v>
      </c>
      <c r="E34" s="2" t="s">
        <v>149</v>
      </c>
      <c r="F34" s="2" t="s">
        <v>155</v>
      </c>
      <c r="G34" s="3">
        <v>12</v>
      </c>
      <c r="H34" s="2" t="s">
        <v>59</v>
      </c>
      <c r="I34" s="3">
        <v>2010</v>
      </c>
      <c r="J34" s="2" t="s">
        <v>20</v>
      </c>
      <c r="K34" s="2"/>
      <c r="L34" s="2" t="s">
        <v>156</v>
      </c>
    </row>
    <row r="35" spans="1:12" ht="15.2" customHeight="1">
      <c r="A35" s="2" t="s">
        <v>13</v>
      </c>
      <c r="B35" s="2" t="s">
        <v>157</v>
      </c>
      <c r="C35" s="2" t="s">
        <v>82</v>
      </c>
      <c r="D35" s="2" t="s">
        <v>83</v>
      </c>
      <c r="E35" s="2" t="s">
        <v>84</v>
      </c>
      <c r="F35" s="2" t="s">
        <v>84</v>
      </c>
      <c r="G35" s="3">
        <v>1</v>
      </c>
      <c r="H35" s="2" t="s">
        <v>59</v>
      </c>
      <c r="I35" s="3">
        <v>2019</v>
      </c>
      <c r="J35" s="2" t="s">
        <v>20</v>
      </c>
      <c r="K35" s="2"/>
      <c r="L35" s="2" t="s">
        <v>85</v>
      </c>
    </row>
    <row r="36" spans="1:12" ht="15.2" customHeight="1">
      <c r="A36" s="2" t="s">
        <v>158</v>
      </c>
      <c r="B36" s="2" t="s">
        <v>14</v>
      </c>
      <c r="C36" s="2" t="s">
        <v>159</v>
      </c>
      <c r="D36" s="2" t="s">
        <v>160</v>
      </c>
      <c r="E36" s="2" t="s">
        <v>17</v>
      </c>
      <c r="F36" s="2" t="s">
        <v>161</v>
      </c>
      <c r="G36" s="3">
        <v>6</v>
      </c>
      <c r="H36" s="2" t="s">
        <v>19</v>
      </c>
      <c r="I36" s="3">
        <v>2014</v>
      </c>
      <c r="J36" s="2" t="s">
        <v>20</v>
      </c>
      <c r="K36" s="2"/>
      <c r="L36" s="2" t="s">
        <v>162</v>
      </c>
    </row>
    <row r="37" spans="1:12" ht="15.2" customHeight="1">
      <c r="A37" s="2" t="s">
        <v>158</v>
      </c>
      <c r="B37" s="2" t="s">
        <v>22</v>
      </c>
      <c r="C37" s="2" t="s">
        <v>163</v>
      </c>
      <c r="D37" s="2" t="s">
        <v>24</v>
      </c>
      <c r="E37" s="2" t="s">
        <v>25</v>
      </c>
      <c r="F37" s="2" t="s">
        <v>164</v>
      </c>
      <c r="G37" s="3">
        <v>9</v>
      </c>
      <c r="H37" s="2" t="s">
        <v>27</v>
      </c>
      <c r="I37" s="3">
        <v>2015</v>
      </c>
      <c r="J37" s="2" t="s">
        <v>28</v>
      </c>
      <c r="K37" s="2"/>
      <c r="L37" s="2" t="s">
        <v>165</v>
      </c>
    </row>
    <row r="38" spans="1:12" ht="15.2" customHeight="1">
      <c r="A38" s="2" t="s">
        <v>158</v>
      </c>
      <c r="B38" s="2" t="s">
        <v>30</v>
      </c>
      <c r="C38" s="2" t="s">
        <v>166</v>
      </c>
      <c r="D38" s="2" t="s">
        <v>24</v>
      </c>
      <c r="E38" s="2" t="s">
        <v>25</v>
      </c>
      <c r="F38" s="2" t="s">
        <v>167</v>
      </c>
      <c r="G38" s="3">
        <v>10</v>
      </c>
      <c r="H38" s="2" t="s">
        <v>27</v>
      </c>
      <c r="I38" s="3">
        <v>2015</v>
      </c>
      <c r="J38" s="2" t="s">
        <v>28</v>
      </c>
      <c r="K38" s="2"/>
      <c r="L38" s="2" t="s">
        <v>168</v>
      </c>
    </row>
    <row r="39" spans="1:12" ht="15.2" customHeight="1">
      <c r="A39" s="2" t="s">
        <v>158</v>
      </c>
      <c r="B39" s="2" t="s">
        <v>34</v>
      </c>
      <c r="C39" s="2" t="s">
        <v>169</v>
      </c>
      <c r="D39" s="2" t="s">
        <v>170</v>
      </c>
      <c r="E39" s="2" t="s">
        <v>17</v>
      </c>
      <c r="F39" s="2" t="s">
        <v>171</v>
      </c>
      <c r="G39" s="3">
        <v>2</v>
      </c>
      <c r="H39" s="2" t="s">
        <v>59</v>
      </c>
      <c r="I39" s="3">
        <v>2019</v>
      </c>
      <c r="J39" s="2" t="s">
        <v>20</v>
      </c>
      <c r="K39" s="2"/>
      <c r="L39" s="2" t="s">
        <v>172</v>
      </c>
    </row>
    <row r="40" spans="1:12" ht="15.2" customHeight="1">
      <c r="A40" s="2" t="s">
        <v>158</v>
      </c>
      <c r="B40" s="2" t="s">
        <v>45</v>
      </c>
      <c r="C40" s="2" t="s">
        <v>173</v>
      </c>
      <c r="D40" s="2" t="s">
        <v>174</v>
      </c>
      <c r="E40" s="2" t="s">
        <v>17</v>
      </c>
      <c r="F40" s="2" t="s">
        <v>175</v>
      </c>
      <c r="G40" s="3">
        <v>1</v>
      </c>
      <c r="H40" s="2" t="s">
        <v>59</v>
      </c>
      <c r="I40" s="3">
        <v>2019</v>
      </c>
      <c r="J40" s="2" t="s">
        <v>20</v>
      </c>
      <c r="K40" s="2"/>
      <c r="L40" s="2" t="s">
        <v>176</v>
      </c>
    </row>
    <row r="41" spans="1:12" ht="15.2" customHeight="1">
      <c r="A41" s="2" t="s">
        <v>158</v>
      </c>
      <c r="B41" s="2" t="s">
        <v>54</v>
      </c>
      <c r="C41" s="2" t="s">
        <v>177</v>
      </c>
      <c r="D41" s="2" t="s">
        <v>178</v>
      </c>
      <c r="E41" s="2" t="s">
        <v>17</v>
      </c>
      <c r="F41" s="2" t="s">
        <v>179</v>
      </c>
      <c r="G41" s="3">
        <v>3</v>
      </c>
      <c r="H41" s="2" t="s">
        <v>59</v>
      </c>
      <c r="I41" s="3">
        <v>2019</v>
      </c>
      <c r="J41" s="2" t="s">
        <v>20</v>
      </c>
      <c r="K41" s="2"/>
      <c r="L41" s="2" t="s">
        <v>180</v>
      </c>
    </row>
    <row r="42" spans="1:12" ht="15.2" customHeight="1">
      <c r="A42" s="2" t="s">
        <v>158</v>
      </c>
      <c r="B42" s="2" t="s">
        <v>61</v>
      </c>
      <c r="C42" s="2" t="s">
        <v>181</v>
      </c>
      <c r="D42" s="2" t="s">
        <v>182</v>
      </c>
      <c r="E42" s="2" t="s">
        <v>183</v>
      </c>
      <c r="F42" s="2" t="s">
        <v>184</v>
      </c>
      <c r="G42" s="3">
        <v>3</v>
      </c>
      <c r="H42" s="2" t="s">
        <v>59</v>
      </c>
      <c r="I42" s="3">
        <v>2019</v>
      </c>
      <c r="J42" s="2" t="s">
        <v>28</v>
      </c>
      <c r="K42" s="2"/>
      <c r="L42" s="2" t="s">
        <v>185</v>
      </c>
    </row>
    <row r="43" spans="1:12" ht="15.2" customHeight="1">
      <c r="A43" s="2" t="s">
        <v>158</v>
      </c>
      <c r="B43" s="2" t="s">
        <v>66</v>
      </c>
      <c r="C43" s="2" t="s">
        <v>186</v>
      </c>
      <c r="D43" s="2" t="s">
        <v>187</v>
      </c>
      <c r="E43" s="2" t="s">
        <v>183</v>
      </c>
      <c r="F43" s="2" t="s">
        <v>188</v>
      </c>
      <c r="G43" s="3">
        <v>2</v>
      </c>
      <c r="H43" s="2" t="s">
        <v>59</v>
      </c>
      <c r="I43" s="3">
        <v>2019</v>
      </c>
      <c r="J43" s="2" t="s">
        <v>28</v>
      </c>
      <c r="K43" s="2"/>
      <c r="L43" s="2" t="s">
        <v>189</v>
      </c>
    </row>
    <row r="44" spans="1:12" ht="15.2" customHeight="1">
      <c r="A44" s="2" t="s">
        <v>158</v>
      </c>
      <c r="B44" s="2" t="s">
        <v>70</v>
      </c>
      <c r="C44" s="2" t="s">
        <v>190</v>
      </c>
      <c r="D44" s="2" t="s">
        <v>191</v>
      </c>
      <c r="E44" s="2" t="s">
        <v>183</v>
      </c>
      <c r="F44" s="2" t="s">
        <v>192</v>
      </c>
      <c r="G44" s="3">
        <v>4</v>
      </c>
      <c r="H44" s="2" t="s">
        <v>59</v>
      </c>
      <c r="I44" s="3">
        <v>2019</v>
      </c>
      <c r="J44" s="2" t="s">
        <v>28</v>
      </c>
      <c r="K44" s="2"/>
      <c r="L44" s="2" t="s">
        <v>193</v>
      </c>
    </row>
    <row r="45" spans="1:12" ht="15.2" customHeight="1">
      <c r="A45" s="2" t="s">
        <v>158</v>
      </c>
      <c r="B45" s="2" t="s">
        <v>76</v>
      </c>
      <c r="C45" s="2" t="s">
        <v>194</v>
      </c>
      <c r="D45" s="2" t="s">
        <v>195</v>
      </c>
      <c r="E45" s="2" t="s">
        <v>196</v>
      </c>
      <c r="F45" s="2" t="s">
        <v>196</v>
      </c>
      <c r="G45" s="3">
        <v>1</v>
      </c>
      <c r="H45" s="2" t="s">
        <v>74</v>
      </c>
      <c r="I45" s="3">
        <v>2015</v>
      </c>
      <c r="J45" s="2" t="s">
        <v>20</v>
      </c>
      <c r="K45" s="2"/>
      <c r="L45" s="2" t="s">
        <v>197</v>
      </c>
    </row>
    <row r="46" spans="1:12" ht="15.2" customHeight="1">
      <c r="A46" s="2" t="s">
        <v>158</v>
      </c>
      <c r="B46" s="2" t="s">
        <v>81</v>
      </c>
      <c r="C46" s="2" t="s">
        <v>147</v>
      </c>
      <c r="D46" s="2" t="s">
        <v>148</v>
      </c>
      <c r="E46" s="2" t="s">
        <v>149</v>
      </c>
      <c r="F46" s="2" t="s">
        <v>150</v>
      </c>
      <c r="G46" s="3">
        <v>11</v>
      </c>
      <c r="H46" s="2" t="s">
        <v>59</v>
      </c>
      <c r="I46" s="3">
        <v>2010</v>
      </c>
      <c r="J46" s="2" t="s">
        <v>20</v>
      </c>
      <c r="K46" s="2"/>
      <c r="L46" s="2" t="s">
        <v>151</v>
      </c>
    </row>
    <row r="47" spans="1:12" ht="15.2" customHeight="1">
      <c r="A47" s="2" t="s">
        <v>158</v>
      </c>
      <c r="B47" s="2" t="s">
        <v>86</v>
      </c>
      <c r="C47" s="2" t="s">
        <v>153</v>
      </c>
      <c r="D47" s="2" t="s">
        <v>154</v>
      </c>
      <c r="E47" s="2" t="s">
        <v>149</v>
      </c>
      <c r="F47" s="2" t="s">
        <v>155</v>
      </c>
      <c r="G47" s="3">
        <v>12</v>
      </c>
      <c r="H47" s="2" t="s">
        <v>59</v>
      </c>
      <c r="I47" s="3">
        <v>2010</v>
      </c>
      <c r="J47" s="2" t="s">
        <v>20</v>
      </c>
      <c r="K47" s="2"/>
      <c r="L47" s="2" t="s">
        <v>156</v>
      </c>
    </row>
    <row r="48" spans="1:12" ht="15.2" customHeight="1">
      <c r="A48" s="2" t="s">
        <v>158</v>
      </c>
      <c r="B48" s="2" t="s">
        <v>92</v>
      </c>
      <c r="C48" s="2" t="s">
        <v>198</v>
      </c>
      <c r="D48" s="2" t="s">
        <v>199</v>
      </c>
      <c r="E48" s="2" t="s">
        <v>149</v>
      </c>
      <c r="F48" s="2" t="s">
        <v>200</v>
      </c>
      <c r="G48" s="3">
        <v>13</v>
      </c>
      <c r="H48" s="2" t="s">
        <v>59</v>
      </c>
      <c r="I48" s="3">
        <v>2010</v>
      </c>
      <c r="J48" s="2" t="s">
        <v>20</v>
      </c>
      <c r="K48" s="2"/>
      <c r="L48" s="2" t="s">
        <v>201</v>
      </c>
    </row>
    <row r="49" spans="1:12" ht="15.2" customHeight="1">
      <c r="A49" s="2" t="s">
        <v>158</v>
      </c>
      <c r="B49" s="2" t="s">
        <v>202</v>
      </c>
      <c r="C49" s="2" t="s">
        <v>203</v>
      </c>
      <c r="D49" s="2" t="s">
        <v>204</v>
      </c>
      <c r="E49" s="2" t="s">
        <v>205</v>
      </c>
      <c r="F49" s="2" t="s">
        <v>206</v>
      </c>
      <c r="G49" s="3">
        <v>3</v>
      </c>
      <c r="H49" s="2" t="s">
        <v>74</v>
      </c>
      <c r="I49" s="3">
        <v>2017</v>
      </c>
      <c r="J49" s="2" t="s">
        <v>20</v>
      </c>
      <c r="K49" s="2"/>
      <c r="L49" s="2" t="s">
        <v>207</v>
      </c>
    </row>
    <row r="50" spans="1:12" ht="15.2" customHeight="1">
      <c r="A50" s="2" t="s">
        <v>158</v>
      </c>
      <c r="B50" s="2" t="s">
        <v>102</v>
      </c>
      <c r="C50" s="2"/>
      <c r="D50" s="2" t="s">
        <v>208</v>
      </c>
      <c r="E50" s="2" t="s">
        <v>209</v>
      </c>
      <c r="F50" s="2" t="s">
        <v>210</v>
      </c>
      <c r="G50" s="3">
        <v>7</v>
      </c>
      <c r="H50" s="2" t="s">
        <v>59</v>
      </c>
      <c r="I50" s="3">
        <v>2020</v>
      </c>
      <c r="J50" s="2" t="s">
        <v>20</v>
      </c>
      <c r="K50" s="2"/>
      <c r="L50" s="2" t="s">
        <v>211</v>
      </c>
    </row>
    <row r="51" spans="1:12" ht="15.2" customHeight="1">
      <c r="A51" s="2" t="s">
        <v>158</v>
      </c>
      <c r="B51" s="2" t="s">
        <v>107</v>
      </c>
      <c r="C51" s="2"/>
      <c r="D51" s="2" t="s">
        <v>212</v>
      </c>
      <c r="E51" s="2" t="s">
        <v>209</v>
      </c>
      <c r="F51" s="2" t="s">
        <v>213</v>
      </c>
      <c r="G51" s="3">
        <v>8</v>
      </c>
      <c r="H51" s="2" t="s">
        <v>59</v>
      </c>
      <c r="I51" s="3">
        <v>2020</v>
      </c>
      <c r="J51" s="2" t="s">
        <v>20</v>
      </c>
      <c r="K51" s="2"/>
      <c r="L51" s="2" t="s">
        <v>214</v>
      </c>
    </row>
    <row r="52" spans="1:12" ht="15.2" customHeight="1">
      <c r="A52" s="2" t="s">
        <v>158</v>
      </c>
      <c r="B52" s="2" t="s">
        <v>215</v>
      </c>
      <c r="C52" s="2" t="s">
        <v>216</v>
      </c>
      <c r="D52" s="2" t="s">
        <v>217</v>
      </c>
      <c r="E52" s="2" t="s">
        <v>218</v>
      </c>
      <c r="F52" s="2" t="s">
        <v>219</v>
      </c>
      <c r="G52" s="3">
        <v>7</v>
      </c>
      <c r="H52" s="2" t="s">
        <v>74</v>
      </c>
      <c r="I52" s="3">
        <v>2015</v>
      </c>
      <c r="J52" s="2" t="s">
        <v>20</v>
      </c>
      <c r="K52" s="2"/>
      <c r="L52" s="2" t="s">
        <v>220</v>
      </c>
    </row>
    <row r="53" spans="1:12" ht="15.2" customHeight="1">
      <c r="A53" s="2" t="s">
        <v>158</v>
      </c>
      <c r="B53" s="2" t="s">
        <v>115</v>
      </c>
      <c r="C53" s="2" t="s">
        <v>221</v>
      </c>
      <c r="D53" s="2" t="s">
        <v>222</v>
      </c>
      <c r="E53" s="2" t="s">
        <v>218</v>
      </c>
      <c r="F53" s="2" t="s">
        <v>223</v>
      </c>
      <c r="G53" s="3">
        <v>8</v>
      </c>
      <c r="H53" s="2" t="s">
        <v>74</v>
      </c>
      <c r="I53" s="3">
        <v>2015</v>
      </c>
      <c r="J53" s="2" t="s">
        <v>20</v>
      </c>
      <c r="K53" s="2"/>
      <c r="L53" s="2" t="s">
        <v>224</v>
      </c>
    </row>
    <row r="54" spans="1:12" s="8" customFormat="1" ht="15.2" customHeight="1">
      <c r="A54" s="7" t="s">
        <v>158</v>
      </c>
      <c r="B54" s="7" t="s">
        <v>122</v>
      </c>
      <c r="C54" s="7"/>
      <c r="D54" s="7" t="s">
        <v>225</v>
      </c>
      <c r="E54" s="7" t="s">
        <v>226</v>
      </c>
      <c r="F54" s="7" t="s">
        <v>227</v>
      </c>
      <c r="G54" s="7">
        <v>1</v>
      </c>
      <c r="H54" s="7" t="s">
        <v>59</v>
      </c>
      <c r="I54" s="7">
        <v>2020</v>
      </c>
      <c r="J54" s="7" t="s">
        <v>20</v>
      </c>
      <c r="K54" s="7"/>
      <c r="L54" s="7" t="s">
        <v>228</v>
      </c>
    </row>
    <row r="55" spans="1:12" ht="15.2" customHeight="1">
      <c r="A55" s="2" t="s">
        <v>158</v>
      </c>
      <c r="B55" s="2" t="s">
        <v>126</v>
      </c>
      <c r="C55" s="2" t="s">
        <v>229</v>
      </c>
      <c r="D55" s="2" t="s">
        <v>230</v>
      </c>
      <c r="E55" s="2" t="s">
        <v>231</v>
      </c>
      <c r="F55" s="2" t="s">
        <v>232</v>
      </c>
      <c r="G55" s="3">
        <v>1</v>
      </c>
      <c r="H55" s="2" t="s">
        <v>74</v>
      </c>
      <c r="I55" s="3">
        <v>2018</v>
      </c>
      <c r="J55" s="2" t="s">
        <v>20</v>
      </c>
      <c r="K55" s="2"/>
      <c r="L55" s="2" t="s">
        <v>233</v>
      </c>
    </row>
    <row r="56" spans="1:12" ht="15.2" customHeight="1">
      <c r="A56" s="2" t="s">
        <v>158</v>
      </c>
      <c r="B56" s="2" t="s">
        <v>130</v>
      </c>
      <c r="C56" s="2" t="s">
        <v>234</v>
      </c>
      <c r="D56" s="2" t="s">
        <v>235</v>
      </c>
      <c r="E56" s="2" t="s">
        <v>236</v>
      </c>
      <c r="F56" s="2" t="s">
        <v>237</v>
      </c>
      <c r="G56" s="3">
        <v>1</v>
      </c>
      <c r="H56" s="2" t="s">
        <v>59</v>
      </c>
      <c r="I56" s="3">
        <v>2020</v>
      </c>
      <c r="J56" s="2" t="s">
        <v>28</v>
      </c>
      <c r="K56" s="2"/>
      <c r="L56" s="2" t="s">
        <v>238</v>
      </c>
    </row>
    <row r="57" spans="1:12" ht="15.2" customHeight="1">
      <c r="A57" s="2" t="s">
        <v>158</v>
      </c>
      <c r="B57" s="2" t="s">
        <v>135</v>
      </c>
      <c r="C57" s="2" t="s">
        <v>239</v>
      </c>
      <c r="D57" s="2" t="s">
        <v>240</v>
      </c>
      <c r="E57" s="2" t="s">
        <v>241</v>
      </c>
      <c r="F57" s="2" t="s">
        <v>242</v>
      </c>
      <c r="G57" s="3">
        <v>1</v>
      </c>
      <c r="H57" s="2" t="s">
        <v>59</v>
      </c>
      <c r="I57" s="3">
        <v>2019</v>
      </c>
      <c r="J57" s="2" t="s">
        <v>28</v>
      </c>
      <c r="K57" s="2"/>
      <c r="L57" s="2" t="s">
        <v>243</v>
      </c>
    </row>
    <row r="58" spans="1:12" ht="15.2" customHeight="1">
      <c r="A58" s="2" t="s">
        <v>158</v>
      </c>
      <c r="B58" s="2" t="s">
        <v>140</v>
      </c>
      <c r="C58" s="2" t="s">
        <v>181</v>
      </c>
      <c r="D58" s="2" t="s">
        <v>182</v>
      </c>
      <c r="E58" s="2" t="s">
        <v>183</v>
      </c>
      <c r="F58" s="2" t="s">
        <v>184</v>
      </c>
      <c r="G58" s="3">
        <v>3</v>
      </c>
      <c r="H58" s="2" t="s">
        <v>59</v>
      </c>
      <c r="I58" s="3">
        <v>2019</v>
      </c>
      <c r="J58" s="2" t="s">
        <v>28</v>
      </c>
      <c r="K58" s="2"/>
      <c r="L58" s="2" t="s">
        <v>185</v>
      </c>
    </row>
    <row r="59" spans="1:12" ht="15.2" customHeight="1">
      <c r="A59" s="2" t="s">
        <v>158</v>
      </c>
      <c r="B59" s="2" t="s">
        <v>141</v>
      </c>
      <c r="C59" s="2" t="s">
        <v>186</v>
      </c>
      <c r="D59" s="2" t="s">
        <v>187</v>
      </c>
      <c r="E59" s="2" t="s">
        <v>183</v>
      </c>
      <c r="F59" s="2" t="s">
        <v>188</v>
      </c>
      <c r="G59" s="3">
        <v>2</v>
      </c>
      <c r="H59" s="2" t="s">
        <v>59</v>
      </c>
      <c r="I59" s="3">
        <v>2019</v>
      </c>
      <c r="J59" s="2" t="s">
        <v>28</v>
      </c>
      <c r="K59" s="2"/>
      <c r="L59" s="2" t="s">
        <v>189</v>
      </c>
    </row>
    <row r="60" spans="1:12" ht="15.2" customHeight="1">
      <c r="A60" s="2" t="s">
        <v>158</v>
      </c>
      <c r="B60" s="2" t="s">
        <v>142</v>
      </c>
      <c r="C60" s="2" t="s">
        <v>190</v>
      </c>
      <c r="D60" s="2" t="s">
        <v>191</v>
      </c>
      <c r="E60" s="2" t="s">
        <v>183</v>
      </c>
      <c r="F60" s="2" t="s">
        <v>192</v>
      </c>
      <c r="G60" s="3">
        <v>4</v>
      </c>
      <c r="H60" s="2" t="s">
        <v>59</v>
      </c>
      <c r="I60" s="3">
        <v>2019</v>
      </c>
      <c r="J60" s="2" t="s">
        <v>28</v>
      </c>
      <c r="K60" s="2"/>
      <c r="L60" s="2" t="s">
        <v>193</v>
      </c>
    </row>
    <row r="61" spans="1:12" ht="15.2" customHeight="1">
      <c r="A61" s="2" t="s">
        <v>158</v>
      </c>
      <c r="B61" s="2" t="s">
        <v>143</v>
      </c>
      <c r="C61" s="2" t="s">
        <v>194</v>
      </c>
      <c r="D61" s="2" t="s">
        <v>195</v>
      </c>
      <c r="E61" s="2" t="s">
        <v>196</v>
      </c>
      <c r="F61" s="2" t="s">
        <v>196</v>
      </c>
      <c r="G61" s="3">
        <v>1</v>
      </c>
      <c r="H61" s="2" t="s">
        <v>74</v>
      </c>
      <c r="I61" s="3">
        <v>2015</v>
      </c>
      <c r="J61" s="2" t="s">
        <v>20</v>
      </c>
      <c r="K61" s="2"/>
      <c r="L61" s="2" t="s">
        <v>197</v>
      </c>
    </row>
    <row r="62" spans="1:12" ht="15.2" customHeight="1">
      <c r="A62" s="2" t="s">
        <v>158</v>
      </c>
      <c r="B62" s="2" t="s">
        <v>144</v>
      </c>
      <c r="C62" s="2" t="s">
        <v>163</v>
      </c>
      <c r="D62" s="2" t="s">
        <v>24</v>
      </c>
      <c r="E62" s="2" t="s">
        <v>25</v>
      </c>
      <c r="F62" s="2" t="s">
        <v>164</v>
      </c>
      <c r="G62" s="3">
        <v>9</v>
      </c>
      <c r="H62" s="2" t="s">
        <v>27</v>
      </c>
      <c r="I62" s="3">
        <v>2015</v>
      </c>
      <c r="J62" s="2" t="s">
        <v>28</v>
      </c>
      <c r="K62" s="2"/>
      <c r="L62" s="2" t="s">
        <v>165</v>
      </c>
    </row>
    <row r="63" spans="1:12" ht="15.2" customHeight="1">
      <c r="A63" s="2" t="s">
        <v>158</v>
      </c>
      <c r="B63" s="2" t="s">
        <v>145</v>
      </c>
      <c r="C63" s="2" t="s">
        <v>166</v>
      </c>
      <c r="D63" s="2" t="s">
        <v>24</v>
      </c>
      <c r="E63" s="2" t="s">
        <v>25</v>
      </c>
      <c r="F63" s="2" t="s">
        <v>167</v>
      </c>
      <c r="G63" s="3">
        <v>10</v>
      </c>
      <c r="H63" s="2" t="s">
        <v>27</v>
      </c>
      <c r="I63" s="3">
        <v>2015</v>
      </c>
      <c r="J63" s="2" t="s">
        <v>28</v>
      </c>
      <c r="K63" s="2"/>
      <c r="L63" s="2" t="s">
        <v>168</v>
      </c>
    </row>
    <row r="64" spans="1:12" ht="15.2" customHeight="1">
      <c r="A64" s="2" t="s">
        <v>158</v>
      </c>
      <c r="B64" s="2" t="s">
        <v>146</v>
      </c>
      <c r="C64" s="2"/>
      <c r="D64" s="2" t="s">
        <v>123</v>
      </c>
      <c r="E64" s="2" t="s">
        <v>63</v>
      </c>
      <c r="F64" s="2" t="s">
        <v>124</v>
      </c>
      <c r="G64" s="3">
        <v>6</v>
      </c>
      <c r="H64" s="2" t="s">
        <v>59</v>
      </c>
      <c r="I64" s="3">
        <v>2020</v>
      </c>
      <c r="J64" s="2" t="s">
        <v>39</v>
      </c>
      <c r="K64" s="2"/>
      <c r="L64" s="2" t="s">
        <v>125</v>
      </c>
    </row>
    <row r="65" spans="1:12" ht="15.2" customHeight="1">
      <c r="A65" s="2" t="s">
        <v>158</v>
      </c>
      <c r="B65" s="2" t="s">
        <v>152</v>
      </c>
      <c r="C65" s="2"/>
      <c r="D65" s="2" t="s">
        <v>127</v>
      </c>
      <c r="E65" s="2" t="s">
        <v>63</v>
      </c>
      <c r="F65" s="2" t="s">
        <v>128</v>
      </c>
      <c r="G65" s="3">
        <v>9</v>
      </c>
      <c r="H65" s="2" t="s">
        <v>59</v>
      </c>
      <c r="I65" s="3">
        <v>2020</v>
      </c>
      <c r="J65" s="2" t="s">
        <v>39</v>
      </c>
      <c r="K65" s="2"/>
      <c r="L65" s="2" t="s">
        <v>129</v>
      </c>
    </row>
    <row r="66" spans="1:12" ht="15.2" customHeight="1">
      <c r="A66" s="2" t="s">
        <v>158</v>
      </c>
      <c r="B66" s="2" t="s">
        <v>157</v>
      </c>
      <c r="C66" s="2" t="s">
        <v>93</v>
      </c>
      <c r="D66" s="2" t="s">
        <v>94</v>
      </c>
      <c r="E66" s="2" t="s">
        <v>89</v>
      </c>
      <c r="F66" s="2" t="s">
        <v>95</v>
      </c>
      <c r="G66" s="3">
        <v>2</v>
      </c>
      <c r="H66" s="2" t="s">
        <v>59</v>
      </c>
      <c r="I66" s="3">
        <v>2019</v>
      </c>
      <c r="J66" s="2" t="s">
        <v>20</v>
      </c>
      <c r="K66" s="2"/>
      <c r="L66" s="2" t="s">
        <v>96</v>
      </c>
    </row>
    <row r="67" spans="1:12" ht="15.2" customHeight="1">
      <c r="A67" s="2" t="s">
        <v>244</v>
      </c>
      <c r="B67" s="2" t="s">
        <v>14</v>
      </c>
      <c r="C67" s="2" t="s">
        <v>245</v>
      </c>
      <c r="D67" s="2" t="s">
        <v>246</v>
      </c>
      <c r="E67" s="2" t="s">
        <v>17</v>
      </c>
      <c r="F67" s="2" t="s">
        <v>247</v>
      </c>
      <c r="G67" s="3">
        <v>8</v>
      </c>
      <c r="H67" s="2" t="s">
        <v>19</v>
      </c>
      <c r="I67" s="3">
        <v>2014</v>
      </c>
      <c r="J67" s="2" t="s">
        <v>20</v>
      </c>
      <c r="K67" s="2"/>
      <c r="L67" s="2" t="s">
        <v>248</v>
      </c>
    </row>
    <row r="68" spans="1:12" ht="15.2" customHeight="1">
      <c r="A68" s="2" t="s">
        <v>244</v>
      </c>
      <c r="B68" s="2" t="s">
        <v>22</v>
      </c>
      <c r="C68" s="2" t="s">
        <v>249</v>
      </c>
      <c r="D68" s="2" t="s">
        <v>250</v>
      </c>
      <c r="E68" s="2" t="s">
        <v>250</v>
      </c>
      <c r="F68" s="2" t="s">
        <v>251</v>
      </c>
      <c r="G68" s="3">
        <v>16</v>
      </c>
      <c r="H68" s="2" t="s">
        <v>19</v>
      </c>
      <c r="I68" s="3">
        <v>2015</v>
      </c>
      <c r="J68" s="2" t="s">
        <v>28</v>
      </c>
      <c r="K68" s="2"/>
      <c r="L68" s="2" t="s">
        <v>252</v>
      </c>
    </row>
    <row r="69" spans="1:12" ht="15.2" customHeight="1">
      <c r="A69" s="2" t="s">
        <v>244</v>
      </c>
      <c r="B69" s="2" t="s">
        <v>30</v>
      </c>
      <c r="C69" s="2" t="s">
        <v>253</v>
      </c>
      <c r="D69" s="2" t="s">
        <v>250</v>
      </c>
      <c r="E69" s="2" t="s">
        <v>250</v>
      </c>
      <c r="F69" s="2" t="s">
        <v>254</v>
      </c>
      <c r="G69" s="3">
        <v>2</v>
      </c>
      <c r="H69" s="2" t="s">
        <v>19</v>
      </c>
      <c r="I69" s="3">
        <v>2015</v>
      </c>
      <c r="J69" s="2" t="s">
        <v>28</v>
      </c>
      <c r="K69" s="2"/>
      <c r="L69" s="2" t="s">
        <v>255</v>
      </c>
    </row>
    <row r="70" spans="1:12" ht="15.2" customHeight="1">
      <c r="A70" s="2" t="s">
        <v>244</v>
      </c>
      <c r="B70" s="2" t="s">
        <v>34</v>
      </c>
      <c r="C70" s="2" t="s">
        <v>256</v>
      </c>
      <c r="D70" s="2" t="s">
        <v>257</v>
      </c>
      <c r="E70" s="2" t="s">
        <v>258</v>
      </c>
      <c r="F70" s="2" t="s">
        <v>259</v>
      </c>
      <c r="G70" s="3">
        <v>6</v>
      </c>
      <c r="H70" s="2" t="s">
        <v>74</v>
      </c>
      <c r="I70" s="3">
        <v>2009</v>
      </c>
      <c r="J70" s="2" t="s">
        <v>28</v>
      </c>
      <c r="K70" s="2"/>
      <c r="L70" s="2" t="s">
        <v>260</v>
      </c>
    </row>
    <row r="71" spans="1:12" ht="15.2" customHeight="1">
      <c r="A71" s="2" t="s">
        <v>244</v>
      </c>
      <c r="B71" s="2" t="s">
        <v>45</v>
      </c>
      <c r="C71" s="2" t="s">
        <v>261</v>
      </c>
      <c r="D71" s="2" t="s">
        <v>262</v>
      </c>
      <c r="E71" s="2" t="s">
        <v>258</v>
      </c>
      <c r="F71" s="2" t="s">
        <v>263</v>
      </c>
      <c r="G71" s="3">
        <v>1</v>
      </c>
      <c r="H71" s="2" t="s">
        <v>74</v>
      </c>
      <c r="I71" s="3">
        <v>2009</v>
      </c>
      <c r="J71" s="2" t="s">
        <v>28</v>
      </c>
      <c r="K71" s="2"/>
      <c r="L71" s="2" t="s">
        <v>264</v>
      </c>
    </row>
    <row r="72" spans="1:12" ht="15.2" customHeight="1">
      <c r="A72" s="2" t="s">
        <v>244</v>
      </c>
      <c r="B72" s="2" t="s">
        <v>54</v>
      </c>
      <c r="C72" s="2" t="s">
        <v>116</v>
      </c>
      <c r="D72" s="2" t="s">
        <v>117</v>
      </c>
      <c r="E72" s="2" t="s">
        <v>118</v>
      </c>
      <c r="F72" s="2" t="s">
        <v>119</v>
      </c>
      <c r="G72" s="3">
        <v>1</v>
      </c>
      <c r="H72" s="2" t="s">
        <v>74</v>
      </c>
      <c r="I72" s="3">
        <v>2017</v>
      </c>
      <c r="J72" s="2" t="s">
        <v>120</v>
      </c>
      <c r="K72" s="2"/>
      <c r="L72" s="2" t="s">
        <v>121</v>
      </c>
    </row>
    <row r="73" spans="1:12" ht="15.2" customHeight="1">
      <c r="A73" s="2" t="s">
        <v>244</v>
      </c>
      <c r="B73" s="2" t="s">
        <v>61</v>
      </c>
      <c r="C73" s="2" t="s">
        <v>265</v>
      </c>
      <c r="D73" s="2" t="s">
        <v>266</v>
      </c>
      <c r="E73" s="2" t="s">
        <v>267</v>
      </c>
      <c r="F73" s="2" t="s">
        <v>268</v>
      </c>
      <c r="G73" s="3">
        <v>3</v>
      </c>
      <c r="H73" s="2" t="s">
        <v>74</v>
      </c>
      <c r="I73" s="3">
        <v>2012</v>
      </c>
      <c r="J73" s="2" t="s">
        <v>39</v>
      </c>
      <c r="K73" s="2"/>
      <c r="L73" s="2" t="s">
        <v>269</v>
      </c>
    </row>
    <row r="74" spans="1:12" ht="15.2" customHeight="1">
      <c r="A74" s="2" t="s">
        <v>244</v>
      </c>
      <c r="B74" s="2" t="s">
        <v>66</v>
      </c>
      <c r="C74" s="2"/>
      <c r="D74" s="2" t="s">
        <v>270</v>
      </c>
      <c r="E74" s="2" t="s">
        <v>271</v>
      </c>
      <c r="F74" s="2" t="s">
        <v>272</v>
      </c>
      <c r="G74" s="3">
        <v>4</v>
      </c>
      <c r="H74" s="2" t="s">
        <v>19</v>
      </c>
      <c r="I74" s="3">
        <v>2020</v>
      </c>
      <c r="J74" s="2" t="s">
        <v>28</v>
      </c>
      <c r="K74" s="2"/>
      <c r="L74" s="2" t="s">
        <v>273</v>
      </c>
    </row>
    <row r="75" spans="1:12" ht="15.2" customHeight="1">
      <c r="A75" s="2" t="s">
        <v>244</v>
      </c>
      <c r="B75" s="2" t="s">
        <v>274</v>
      </c>
      <c r="C75" s="2"/>
      <c r="D75" s="2" t="s">
        <v>275</v>
      </c>
      <c r="E75" s="2" t="s">
        <v>271</v>
      </c>
      <c r="F75" s="2" t="s">
        <v>276</v>
      </c>
      <c r="G75" s="3">
        <v>11</v>
      </c>
      <c r="H75" s="2" t="s">
        <v>19</v>
      </c>
      <c r="I75" s="3">
        <v>2020</v>
      </c>
      <c r="J75" s="2" t="s">
        <v>28</v>
      </c>
      <c r="K75" s="2"/>
      <c r="L75" s="2" t="s">
        <v>277</v>
      </c>
    </row>
    <row r="76" spans="1:12" ht="15.2" customHeight="1">
      <c r="A76" s="2" t="s">
        <v>244</v>
      </c>
      <c r="B76" s="2" t="s">
        <v>70</v>
      </c>
      <c r="C76" s="2" t="s">
        <v>278</v>
      </c>
      <c r="D76" s="2" t="s">
        <v>279</v>
      </c>
      <c r="E76" s="2" t="s">
        <v>280</v>
      </c>
      <c r="F76" s="2" t="s">
        <v>281</v>
      </c>
      <c r="G76" s="3">
        <v>1</v>
      </c>
      <c r="H76" s="2" t="s">
        <v>282</v>
      </c>
      <c r="I76" s="3">
        <v>2008</v>
      </c>
      <c r="J76" s="2" t="s">
        <v>28</v>
      </c>
      <c r="K76" s="2"/>
      <c r="L76" s="2" t="s">
        <v>283</v>
      </c>
    </row>
    <row r="77" spans="1:12" ht="15.2" customHeight="1">
      <c r="A77" s="2" t="s">
        <v>244</v>
      </c>
      <c r="B77" s="2" t="s">
        <v>76</v>
      </c>
      <c r="C77" s="2" t="s">
        <v>284</v>
      </c>
      <c r="D77" s="2" t="s">
        <v>285</v>
      </c>
      <c r="E77" s="2" t="s">
        <v>286</v>
      </c>
      <c r="F77" s="2" t="s">
        <v>287</v>
      </c>
      <c r="G77" s="3">
        <v>4</v>
      </c>
      <c r="H77" s="2" t="s">
        <v>59</v>
      </c>
      <c r="I77" s="3">
        <v>2019</v>
      </c>
      <c r="J77" s="2" t="s">
        <v>20</v>
      </c>
      <c r="K77" s="2"/>
      <c r="L77" s="2" t="s">
        <v>288</v>
      </c>
    </row>
    <row r="78" spans="1:12" ht="15.2" customHeight="1">
      <c r="A78" s="2" t="s">
        <v>244</v>
      </c>
      <c r="B78" s="2" t="s">
        <v>81</v>
      </c>
      <c r="C78" s="2" t="s">
        <v>289</v>
      </c>
      <c r="D78" s="2" t="s">
        <v>290</v>
      </c>
      <c r="E78" s="2" t="s">
        <v>286</v>
      </c>
      <c r="F78" s="2" t="s">
        <v>291</v>
      </c>
      <c r="G78" s="3">
        <v>5</v>
      </c>
      <c r="H78" s="2" t="s">
        <v>59</v>
      </c>
      <c r="I78" s="3">
        <v>2019</v>
      </c>
      <c r="J78" s="2" t="s">
        <v>20</v>
      </c>
      <c r="K78" s="2"/>
      <c r="L78" s="2" t="s">
        <v>292</v>
      </c>
    </row>
    <row r="79" spans="1:12" ht="15.2" customHeight="1">
      <c r="A79" s="2" t="s">
        <v>244</v>
      </c>
      <c r="B79" s="2" t="s">
        <v>86</v>
      </c>
      <c r="C79" s="2" t="s">
        <v>293</v>
      </c>
      <c r="D79" s="2" t="s">
        <v>294</v>
      </c>
      <c r="E79" s="2" t="s">
        <v>286</v>
      </c>
      <c r="F79" s="2" t="s">
        <v>295</v>
      </c>
      <c r="G79" s="3">
        <v>6</v>
      </c>
      <c r="H79" s="2" t="s">
        <v>59</v>
      </c>
      <c r="I79" s="3">
        <v>2019</v>
      </c>
      <c r="J79" s="2" t="s">
        <v>20</v>
      </c>
      <c r="K79" s="2"/>
      <c r="L79" s="2" t="s">
        <v>296</v>
      </c>
    </row>
    <row r="80" spans="1:12" ht="15.2" customHeight="1">
      <c r="A80" s="2" t="s">
        <v>244</v>
      </c>
      <c r="B80" s="2" t="s">
        <v>92</v>
      </c>
      <c r="C80" s="2" t="s">
        <v>297</v>
      </c>
      <c r="D80" s="2" t="s">
        <v>298</v>
      </c>
      <c r="E80" s="2" t="s">
        <v>286</v>
      </c>
      <c r="F80" s="2" t="s">
        <v>299</v>
      </c>
      <c r="G80" s="3">
        <v>7</v>
      </c>
      <c r="H80" s="2" t="s">
        <v>59</v>
      </c>
      <c r="I80" s="3">
        <v>2019</v>
      </c>
      <c r="J80" s="2" t="s">
        <v>20</v>
      </c>
      <c r="K80" s="2"/>
      <c r="L80" s="2" t="s">
        <v>300</v>
      </c>
    </row>
    <row r="81" spans="1:12" ht="15.2" customHeight="1">
      <c r="A81" s="2" t="s">
        <v>244</v>
      </c>
      <c r="B81" s="2" t="s">
        <v>202</v>
      </c>
      <c r="C81" s="2" t="s">
        <v>301</v>
      </c>
      <c r="D81" s="2" t="s">
        <v>302</v>
      </c>
      <c r="E81" s="2" t="s">
        <v>286</v>
      </c>
      <c r="F81" s="2" t="s">
        <v>303</v>
      </c>
      <c r="G81" s="3">
        <v>8</v>
      </c>
      <c r="H81" s="2" t="s">
        <v>59</v>
      </c>
      <c r="I81" s="3">
        <v>2019</v>
      </c>
      <c r="J81" s="2" t="s">
        <v>20</v>
      </c>
      <c r="K81" s="2"/>
      <c r="L81" s="2" t="s">
        <v>304</v>
      </c>
    </row>
    <row r="82" spans="1:12" ht="15.2" customHeight="1">
      <c r="A82" s="2" t="s">
        <v>244</v>
      </c>
      <c r="B82" s="2" t="s">
        <v>102</v>
      </c>
      <c r="C82" s="2" t="s">
        <v>305</v>
      </c>
      <c r="D82" s="2" t="s">
        <v>306</v>
      </c>
      <c r="E82" s="2" t="s">
        <v>307</v>
      </c>
      <c r="F82" s="2" t="s">
        <v>308</v>
      </c>
      <c r="G82" s="3">
        <v>1</v>
      </c>
      <c r="H82" s="2" t="s">
        <v>74</v>
      </c>
      <c r="I82" s="3">
        <v>2012</v>
      </c>
      <c r="J82" s="2" t="s">
        <v>20</v>
      </c>
      <c r="K82" s="2"/>
      <c r="L82" s="2" t="s">
        <v>309</v>
      </c>
    </row>
    <row r="83" spans="1:12" ht="15.2" customHeight="1">
      <c r="A83" s="2" t="s">
        <v>244</v>
      </c>
      <c r="B83" s="2" t="s">
        <v>107</v>
      </c>
      <c r="C83" s="2" t="s">
        <v>310</v>
      </c>
      <c r="D83" s="2" t="s">
        <v>311</v>
      </c>
      <c r="E83" s="2" t="s">
        <v>312</v>
      </c>
      <c r="F83" s="2" t="s">
        <v>313</v>
      </c>
      <c r="G83" s="3">
        <v>6</v>
      </c>
      <c r="H83" s="2" t="s">
        <v>74</v>
      </c>
      <c r="I83" s="3">
        <v>2015</v>
      </c>
      <c r="J83" s="2" t="s">
        <v>314</v>
      </c>
      <c r="K83" s="2"/>
      <c r="L83" s="2" t="s">
        <v>315</v>
      </c>
    </row>
    <row r="84" spans="1:12" ht="15.2" customHeight="1">
      <c r="A84" s="2" t="s">
        <v>244</v>
      </c>
      <c r="B84" s="2" t="s">
        <v>111</v>
      </c>
      <c r="C84" s="2" t="s">
        <v>316</v>
      </c>
      <c r="D84" s="2" t="s">
        <v>317</v>
      </c>
      <c r="E84" s="2" t="s">
        <v>318</v>
      </c>
      <c r="F84" s="2" t="s">
        <v>319</v>
      </c>
      <c r="G84" s="3">
        <v>2</v>
      </c>
      <c r="H84" s="2" t="s">
        <v>59</v>
      </c>
      <c r="I84" s="3">
        <v>2020</v>
      </c>
      <c r="J84" s="2" t="s">
        <v>28</v>
      </c>
      <c r="K84" s="2"/>
      <c r="L84" s="2" t="s">
        <v>320</v>
      </c>
    </row>
    <row r="85" spans="1:12" ht="15.2" customHeight="1">
      <c r="A85" s="2" t="s">
        <v>244</v>
      </c>
      <c r="B85" s="2" t="s">
        <v>115</v>
      </c>
      <c r="C85" s="2"/>
      <c r="D85" s="2" t="s">
        <v>103</v>
      </c>
      <c r="E85" s="2" t="s">
        <v>104</v>
      </c>
      <c r="F85" s="2" t="s">
        <v>105</v>
      </c>
      <c r="G85" s="3">
        <v>1</v>
      </c>
      <c r="H85" s="2" t="s">
        <v>59</v>
      </c>
      <c r="I85" s="3">
        <v>2019</v>
      </c>
      <c r="J85" s="2" t="s">
        <v>20</v>
      </c>
      <c r="K85" s="2"/>
      <c r="L85" s="2" t="s">
        <v>106</v>
      </c>
    </row>
    <row r="86" spans="1:12" s="8" customFormat="1" ht="15.2" customHeight="1">
      <c r="A86" s="7" t="s">
        <v>244</v>
      </c>
      <c r="B86" s="7" t="s">
        <v>122</v>
      </c>
      <c r="C86" s="7"/>
      <c r="D86" s="7" t="s">
        <v>321</v>
      </c>
      <c r="E86" s="7" t="s">
        <v>322</v>
      </c>
      <c r="F86" s="7" t="s">
        <v>323</v>
      </c>
      <c r="G86" s="7">
        <v>1</v>
      </c>
      <c r="H86" s="7" t="s">
        <v>59</v>
      </c>
      <c r="I86" s="7">
        <v>2019</v>
      </c>
      <c r="J86" s="7" t="s">
        <v>20</v>
      </c>
      <c r="K86" s="7"/>
      <c r="L86" s="7" t="s">
        <v>324</v>
      </c>
    </row>
    <row r="87" spans="1:12" ht="15.2" customHeight="1">
      <c r="A87" s="2" t="s">
        <v>244</v>
      </c>
      <c r="B87" s="2" t="s">
        <v>126</v>
      </c>
      <c r="C87" s="2"/>
      <c r="D87" s="2" t="s">
        <v>325</v>
      </c>
      <c r="E87" s="2" t="s">
        <v>322</v>
      </c>
      <c r="F87" s="2" t="s">
        <v>326</v>
      </c>
      <c r="G87" s="3">
        <v>2</v>
      </c>
      <c r="H87" s="2" t="s">
        <v>59</v>
      </c>
      <c r="I87" s="3">
        <v>2019</v>
      </c>
      <c r="J87" s="2" t="s">
        <v>20</v>
      </c>
      <c r="K87" s="2"/>
      <c r="L87" s="2" t="s">
        <v>327</v>
      </c>
    </row>
    <row r="88" spans="1:12" ht="15.2" customHeight="1">
      <c r="A88" s="2" t="s">
        <v>244</v>
      </c>
      <c r="B88" s="2" t="s">
        <v>130</v>
      </c>
      <c r="C88" s="2" t="s">
        <v>328</v>
      </c>
      <c r="D88" s="2" t="s">
        <v>329</v>
      </c>
      <c r="E88" s="2" t="s">
        <v>322</v>
      </c>
      <c r="F88" s="2" t="s">
        <v>330</v>
      </c>
      <c r="G88" s="3">
        <v>1</v>
      </c>
      <c r="H88" s="2" t="s">
        <v>59</v>
      </c>
      <c r="I88" s="3">
        <v>2019</v>
      </c>
      <c r="J88" s="2" t="s">
        <v>20</v>
      </c>
      <c r="K88" s="2"/>
      <c r="L88" s="2" t="s">
        <v>331</v>
      </c>
    </row>
    <row r="89" spans="1:12" ht="15.2" customHeight="1">
      <c r="A89" s="2" t="s">
        <v>244</v>
      </c>
      <c r="B89" s="2" t="s">
        <v>135</v>
      </c>
      <c r="C89" s="2" t="s">
        <v>332</v>
      </c>
      <c r="D89" s="2" t="s">
        <v>333</v>
      </c>
      <c r="E89" s="2" t="s">
        <v>322</v>
      </c>
      <c r="F89" s="2" t="s">
        <v>334</v>
      </c>
      <c r="G89" s="3">
        <v>2</v>
      </c>
      <c r="H89" s="2" t="s">
        <v>59</v>
      </c>
      <c r="I89" s="3">
        <v>2019</v>
      </c>
      <c r="J89" s="2" t="s">
        <v>20</v>
      </c>
      <c r="K89" s="2"/>
      <c r="L89" s="2" t="s">
        <v>335</v>
      </c>
    </row>
    <row r="90" spans="1:12" ht="15.2" customHeight="1">
      <c r="A90" s="2" t="s">
        <v>244</v>
      </c>
      <c r="B90" s="2" t="s">
        <v>140</v>
      </c>
      <c r="C90" s="2"/>
      <c r="D90" s="2" t="s">
        <v>208</v>
      </c>
      <c r="E90" s="2" t="s">
        <v>209</v>
      </c>
      <c r="F90" s="2" t="s">
        <v>210</v>
      </c>
      <c r="G90" s="3">
        <v>7</v>
      </c>
      <c r="H90" s="2" t="s">
        <v>59</v>
      </c>
      <c r="I90" s="3">
        <v>2020</v>
      </c>
      <c r="J90" s="2" t="s">
        <v>20</v>
      </c>
      <c r="K90" s="2"/>
      <c r="L90" s="2" t="s">
        <v>211</v>
      </c>
    </row>
    <row r="91" spans="1:12" ht="15.2" customHeight="1">
      <c r="A91" s="2" t="s">
        <v>244</v>
      </c>
      <c r="B91" s="2" t="s">
        <v>141</v>
      </c>
      <c r="C91" s="2"/>
      <c r="D91" s="2" t="s">
        <v>212</v>
      </c>
      <c r="E91" s="2" t="s">
        <v>209</v>
      </c>
      <c r="F91" s="2" t="s">
        <v>213</v>
      </c>
      <c r="G91" s="3">
        <v>8</v>
      </c>
      <c r="H91" s="2" t="s">
        <v>59</v>
      </c>
      <c r="I91" s="3">
        <v>2020</v>
      </c>
      <c r="J91" s="2" t="s">
        <v>20</v>
      </c>
      <c r="K91" s="2"/>
      <c r="L91" s="2" t="s">
        <v>214</v>
      </c>
    </row>
    <row r="92" spans="1:12" ht="15.2" customHeight="1">
      <c r="A92" s="2" t="s">
        <v>244</v>
      </c>
      <c r="B92" s="2" t="s">
        <v>142</v>
      </c>
      <c r="C92" s="2" t="s">
        <v>216</v>
      </c>
      <c r="D92" s="2" t="s">
        <v>217</v>
      </c>
      <c r="E92" s="2" t="s">
        <v>218</v>
      </c>
      <c r="F92" s="2" t="s">
        <v>219</v>
      </c>
      <c r="G92" s="3">
        <v>7</v>
      </c>
      <c r="H92" s="2" t="s">
        <v>74</v>
      </c>
      <c r="I92" s="3">
        <v>2015</v>
      </c>
      <c r="J92" s="2" t="s">
        <v>20</v>
      </c>
      <c r="K92" s="2"/>
      <c r="L92" s="2" t="s">
        <v>220</v>
      </c>
    </row>
    <row r="93" spans="1:12" ht="15.2" customHeight="1">
      <c r="A93" s="2" t="s">
        <v>244</v>
      </c>
      <c r="B93" s="2" t="s">
        <v>143</v>
      </c>
      <c r="C93" s="2" t="s">
        <v>221</v>
      </c>
      <c r="D93" s="2" t="s">
        <v>222</v>
      </c>
      <c r="E93" s="2" t="s">
        <v>218</v>
      </c>
      <c r="F93" s="2" t="s">
        <v>223</v>
      </c>
      <c r="G93" s="3">
        <v>8</v>
      </c>
      <c r="H93" s="2" t="s">
        <v>74</v>
      </c>
      <c r="I93" s="3">
        <v>2015</v>
      </c>
      <c r="J93" s="2" t="s">
        <v>20</v>
      </c>
      <c r="K93" s="2"/>
      <c r="L93" s="2" t="s">
        <v>224</v>
      </c>
    </row>
    <row r="94" spans="1:12" ht="15.2" customHeight="1">
      <c r="A94" s="2" t="s">
        <v>244</v>
      </c>
      <c r="B94" s="2" t="s">
        <v>144</v>
      </c>
      <c r="C94" s="2" t="s">
        <v>249</v>
      </c>
      <c r="D94" s="2" t="s">
        <v>250</v>
      </c>
      <c r="E94" s="2" t="s">
        <v>250</v>
      </c>
      <c r="F94" s="2" t="s">
        <v>251</v>
      </c>
      <c r="G94" s="3">
        <v>16</v>
      </c>
      <c r="H94" s="2" t="s">
        <v>19</v>
      </c>
      <c r="I94" s="3">
        <v>2015</v>
      </c>
      <c r="J94" s="2" t="s">
        <v>28</v>
      </c>
      <c r="K94" s="2"/>
      <c r="L94" s="2" t="s">
        <v>252</v>
      </c>
    </row>
    <row r="95" spans="1:12" ht="15.2" customHeight="1">
      <c r="A95" s="2" t="s">
        <v>244</v>
      </c>
      <c r="B95" s="2" t="s">
        <v>145</v>
      </c>
      <c r="C95" s="2" t="s">
        <v>253</v>
      </c>
      <c r="D95" s="2" t="s">
        <v>250</v>
      </c>
      <c r="E95" s="2" t="s">
        <v>250</v>
      </c>
      <c r="F95" s="2" t="s">
        <v>254</v>
      </c>
      <c r="G95" s="3">
        <v>2</v>
      </c>
      <c r="H95" s="2" t="s">
        <v>19</v>
      </c>
      <c r="I95" s="3">
        <v>2015</v>
      </c>
      <c r="J95" s="2" t="s">
        <v>28</v>
      </c>
      <c r="K95" s="2"/>
      <c r="L95" s="2" t="s">
        <v>255</v>
      </c>
    </row>
    <row r="96" spans="1:12" ht="15.2" customHeight="1">
      <c r="A96" s="2" t="s">
        <v>244</v>
      </c>
      <c r="B96" s="2" t="s">
        <v>146</v>
      </c>
      <c r="C96" s="2" t="s">
        <v>336</v>
      </c>
      <c r="D96" s="2" t="s">
        <v>337</v>
      </c>
      <c r="E96" s="2" t="s">
        <v>267</v>
      </c>
      <c r="F96" s="2" t="s">
        <v>338</v>
      </c>
      <c r="G96" s="3">
        <v>8</v>
      </c>
      <c r="H96" s="2" t="s">
        <v>74</v>
      </c>
      <c r="I96" s="3">
        <v>2012</v>
      </c>
      <c r="J96" s="2" t="s">
        <v>39</v>
      </c>
      <c r="K96" s="2"/>
      <c r="L96" s="2" t="s">
        <v>339</v>
      </c>
    </row>
    <row r="97" spans="1:12" ht="15.2" customHeight="1">
      <c r="A97" s="2" t="s">
        <v>244</v>
      </c>
      <c r="B97" s="2" t="s">
        <v>152</v>
      </c>
      <c r="C97" s="2" t="s">
        <v>265</v>
      </c>
      <c r="D97" s="2" t="s">
        <v>266</v>
      </c>
      <c r="E97" s="2" t="s">
        <v>267</v>
      </c>
      <c r="F97" s="2" t="s">
        <v>268</v>
      </c>
      <c r="G97" s="3">
        <v>3</v>
      </c>
      <c r="H97" s="2" t="s">
        <v>74</v>
      </c>
      <c r="I97" s="3">
        <v>2012</v>
      </c>
      <c r="J97" s="2" t="s">
        <v>39</v>
      </c>
      <c r="K97" s="2"/>
      <c r="L97" s="2" t="s">
        <v>269</v>
      </c>
    </row>
    <row r="98" spans="1:12" ht="15.2" customHeight="1">
      <c r="A98" s="2" t="s">
        <v>244</v>
      </c>
      <c r="B98" s="2" t="s">
        <v>157</v>
      </c>
      <c r="C98" s="2"/>
      <c r="D98" s="2" t="s">
        <v>270</v>
      </c>
      <c r="E98" s="2" t="s">
        <v>271</v>
      </c>
      <c r="F98" s="2" t="s">
        <v>272</v>
      </c>
      <c r="G98" s="3">
        <v>4</v>
      </c>
      <c r="H98" s="2" t="s">
        <v>19</v>
      </c>
      <c r="I98" s="3">
        <v>2020</v>
      </c>
      <c r="J98" s="2" t="s">
        <v>28</v>
      </c>
      <c r="K98" s="2"/>
      <c r="L98" s="2" t="s">
        <v>273</v>
      </c>
    </row>
    <row r="99" spans="1:12" ht="15.2" customHeight="1">
      <c r="A99" s="2" t="s">
        <v>244</v>
      </c>
      <c r="B99" s="2" t="s">
        <v>340</v>
      </c>
      <c r="C99" s="2"/>
      <c r="D99" s="2" t="s">
        <v>275</v>
      </c>
      <c r="E99" s="2" t="s">
        <v>271</v>
      </c>
      <c r="F99" s="2" t="s">
        <v>276</v>
      </c>
      <c r="G99" s="3">
        <v>11</v>
      </c>
      <c r="H99" s="2" t="s">
        <v>19</v>
      </c>
      <c r="I99" s="3">
        <v>2020</v>
      </c>
      <c r="J99" s="2" t="s">
        <v>28</v>
      </c>
      <c r="K99" s="2"/>
      <c r="L99" s="2" t="s">
        <v>277</v>
      </c>
    </row>
    <row r="100" spans="1:12" ht="15.2" customHeight="1">
      <c r="A100" s="2" t="s">
        <v>341</v>
      </c>
      <c r="B100" s="2" t="s">
        <v>14</v>
      </c>
      <c r="C100" s="2" t="s">
        <v>342</v>
      </c>
      <c r="D100" s="2" t="s">
        <v>343</v>
      </c>
      <c r="E100" s="2" t="s">
        <v>17</v>
      </c>
      <c r="F100" s="2" t="s">
        <v>344</v>
      </c>
      <c r="G100" s="3">
        <v>9</v>
      </c>
      <c r="H100" s="2" t="s">
        <v>19</v>
      </c>
      <c r="I100" s="3">
        <v>2014</v>
      </c>
      <c r="J100" s="2" t="s">
        <v>20</v>
      </c>
      <c r="K100" s="2"/>
      <c r="L100" s="2" t="s">
        <v>345</v>
      </c>
    </row>
    <row r="101" spans="1:12" ht="15.2" customHeight="1">
      <c r="A101" s="2" t="s">
        <v>341</v>
      </c>
      <c r="B101" s="2" t="s">
        <v>22</v>
      </c>
      <c r="C101" s="2" t="s">
        <v>346</v>
      </c>
      <c r="D101" s="2" t="s">
        <v>250</v>
      </c>
      <c r="E101" s="2" t="s">
        <v>250</v>
      </c>
      <c r="F101" s="2" t="s">
        <v>347</v>
      </c>
      <c r="G101" s="3">
        <v>14</v>
      </c>
      <c r="H101" s="2" t="s">
        <v>19</v>
      </c>
      <c r="I101" s="3">
        <v>2015</v>
      </c>
      <c r="J101" s="2" t="s">
        <v>28</v>
      </c>
      <c r="K101" s="2"/>
      <c r="L101" s="2" t="s">
        <v>348</v>
      </c>
    </row>
    <row r="102" spans="1:12" ht="15.2" customHeight="1">
      <c r="A102" s="2" t="s">
        <v>341</v>
      </c>
      <c r="B102" s="2" t="s">
        <v>30</v>
      </c>
      <c r="C102" s="2" t="s">
        <v>349</v>
      </c>
      <c r="D102" s="2" t="s">
        <v>250</v>
      </c>
      <c r="E102" s="2" t="s">
        <v>250</v>
      </c>
      <c r="F102" s="2" t="s">
        <v>350</v>
      </c>
      <c r="G102" s="3">
        <v>13</v>
      </c>
      <c r="H102" s="2" t="s">
        <v>19</v>
      </c>
      <c r="I102" s="3">
        <v>2015</v>
      </c>
      <c r="J102" s="2" t="s">
        <v>28</v>
      </c>
      <c r="K102" s="2"/>
      <c r="L102" s="2" t="s">
        <v>351</v>
      </c>
    </row>
    <row r="103" spans="1:12" ht="15.2" customHeight="1">
      <c r="A103" s="2" t="s">
        <v>341</v>
      </c>
      <c r="B103" s="2" t="s">
        <v>34</v>
      </c>
      <c r="C103" s="2" t="s">
        <v>352</v>
      </c>
      <c r="D103" s="2" t="s">
        <v>353</v>
      </c>
      <c r="E103" s="2" t="s">
        <v>258</v>
      </c>
      <c r="F103" s="2" t="s">
        <v>354</v>
      </c>
      <c r="G103" s="3">
        <v>7</v>
      </c>
      <c r="H103" s="2" t="s">
        <v>74</v>
      </c>
      <c r="I103" s="3">
        <v>2009</v>
      </c>
      <c r="J103" s="2" t="s">
        <v>28</v>
      </c>
      <c r="K103" s="2"/>
      <c r="L103" s="2" t="s">
        <v>355</v>
      </c>
    </row>
    <row r="104" spans="1:12" ht="15.2" customHeight="1">
      <c r="A104" s="2" t="s">
        <v>341</v>
      </c>
      <c r="B104" s="2" t="s">
        <v>45</v>
      </c>
      <c r="C104" s="2" t="s">
        <v>356</v>
      </c>
      <c r="D104" s="2" t="s">
        <v>357</v>
      </c>
      <c r="E104" s="2" t="s">
        <v>258</v>
      </c>
      <c r="F104" s="2" t="s">
        <v>358</v>
      </c>
      <c r="G104" s="3">
        <v>2</v>
      </c>
      <c r="H104" s="2" t="s">
        <v>74</v>
      </c>
      <c r="I104" s="3">
        <v>2009</v>
      </c>
      <c r="J104" s="2" t="s">
        <v>28</v>
      </c>
      <c r="K104" s="2"/>
      <c r="L104" s="2" t="s">
        <v>359</v>
      </c>
    </row>
    <row r="105" spans="1:12" ht="15.2" customHeight="1">
      <c r="A105" s="2" t="s">
        <v>341</v>
      </c>
      <c r="B105" s="2" t="s">
        <v>54</v>
      </c>
      <c r="C105" s="2" t="s">
        <v>360</v>
      </c>
      <c r="D105" s="2" t="s">
        <v>361</v>
      </c>
      <c r="E105" s="2" t="s">
        <v>267</v>
      </c>
      <c r="F105" s="2" t="s">
        <v>362</v>
      </c>
      <c r="G105" s="3">
        <v>9</v>
      </c>
      <c r="H105" s="2" t="s">
        <v>74</v>
      </c>
      <c r="I105" s="3">
        <v>2012</v>
      </c>
      <c r="J105" s="2" t="s">
        <v>39</v>
      </c>
      <c r="K105" s="2"/>
      <c r="L105" s="2" t="s">
        <v>363</v>
      </c>
    </row>
    <row r="106" spans="1:12" ht="15.2" customHeight="1">
      <c r="A106" s="2" t="s">
        <v>341</v>
      </c>
      <c r="B106" s="2" t="s">
        <v>61</v>
      </c>
      <c r="C106" s="2" t="s">
        <v>364</v>
      </c>
      <c r="D106" s="2" t="s">
        <v>365</v>
      </c>
      <c r="E106" s="2" t="s">
        <v>267</v>
      </c>
      <c r="F106" s="2" t="s">
        <v>366</v>
      </c>
      <c r="G106" s="3">
        <v>4</v>
      </c>
      <c r="H106" s="2" t="s">
        <v>74</v>
      </c>
      <c r="I106" s="3">
        <v>2012</v>
      </c>
      <c r="J106" s="2" t="s">
        <v>39</v>
      </c>
      <c r="K106" s="2"/>
      <c r="L106" s="2" t="s">
        <v>367</v>
      </c>
    </row>
    <row r="107" spans="1:12" ht="15.2" customHeight="1">
      <c r="A107" s="2" t="s">
        <v>341</v>
      </c>
      <c r="B107" s="2" t="s">
        <v>66</v>
      </c>
      <c r="C107" s="2"/>
      <c r="D107" s="2" t="s">
        <v>368</v>
      </c>
      <c r="E107" s="2" t="s">
        <v>271</v>
      </c>
      <c r="F107" s="2" t="s">
        <v>369</v>
      </c>
      <c r="G107" s="3">
        <v>1</v>
      </c>
      <c r="H107" s="2" t="s">
        <v>19</v>
      </c>
      <c r="I107" s="3">
        <v>2020</v>
      </c>
      <c r="J107" s="2" t="s">
        <v>28</v>
      </c>
      <c r="K107" s="2"/>
      <c r="L107" s="2" t="s">
        <v>370</v>
      </c>
    </row>
    <row r="108" spans="1:12" ht="15.2" customHeight="1">
      <c r="A108" s="2" t="s">
        <v>341</v>
      </c>
      <c r="B108" s="2" t="s">
        <v>274</v>
      </c>
      <c r="C108" s="2"/>
      <c r="D108" s="2" t="s">
        <v>371</v>
      </c>
      <c r="E108" s="2" t="s">
        <v>271</v>
      </c>
      <c r="F108" s="2" t="s">
        <v>372</v>
      </c>
      <c r="G108" s="3">
        <v>8</v>
      </c>
      <c r="H108" s="2" t="s">
        <v>19</v>
      </c>
      <c r="I108" s="3">
        <v>2020</v>
      </c>
      <c r="J108" s="2" t="s">
        <v>28</v>
      </c>
      <c r="K108" s="2"/>
      <c r="L108" s="2" t="s">
        <v>373</v>
      </c>
    </row>
    <row r="109" spans="1:12" ht="15.2" customHeight="1">
      <c r="A109" s="2" t="s">
        <v>341</v>
      </c>
      <c r="B109" s="2" t="s">
        <v>70</v>
      </c>
      <c r="C109" s="2" t="s">
        <v>374</v>
      </c>
      <c r="D109" s="2" t="s">
        <v>375</v>
      </c>
      <c r="E109" s="2" t="s">
        <v>280</v>
      </c>
      <c r="F109" s="2" t="s">
        <v>376</v>
      </c>
      <c r="G109" s="3">
        <v>2</v>
      </c>
      <c r="H109" s="2" t="s">
        <v>282</v>
      </c>
      <c r="I109" s="3">
        <v>2008</v>
      </c>
      <c r="J109" s="2" t="s">
        <v>28</v>
      </c>
      <c r="K109" s="2"/>
      <c r="L109" s="2" t="s">
        <v>377</v>
      </c>
    </row>
    <row r="110" spans="1:12" ht="15.2" customHeight="1">
      <c r="A110" s="2" t="s">
        <v>341</v>
      </c>
      <c r="B110" s="2" t="s">
        <v>76</v>
      </c>
      <c r="C110" s="2"/>
      <c r="D110" s="2" t="s">
        <v>378</v>
      </c>
      <c r="E110" s="2" t="s">
        <v>379</v>
      </c>
      <c r="F110" s="2" t="s">
        <v>380</v>
      </c>
      <c r="G110" s="3">
        <v>7</v>
      </c>
      <c r="H110" s="2" t="s">
        <v>59</v>
      </c>
      <c r="I110" s="3">
        <v>2020</v>
      </c>
      <c r="J110" s="2" t="s">
        <v>20</v>
      </c>
      <c r="K110" s="2"/>
      <c r="L110" s="2" t="s">
        <v>381</v>
      </c>
    </row>
    <row r="111" spans="1:12" ht="15.2" customHeight="1">
      <c r="A111" s="2" t="s">
        <v>341</v>
      </c>
      <c r="B111" s="2" t="s">
        <v>81</v>
      </c>
      <c r="C111" s="2"/>
      <c r="D111" s="2" t="s">
        <v>382</v>
      </c>
      <c r="E111" s="2" t="s">
        <v>379</v>
      </c>
      <c r="F111" s="2" t="s">
        <v>383</v>
      </c>
      <c r="G111" s="3">
        <v>3</v>
      </c>
      <c r="H111" s="2" t="s">
        <v>59</v>
      </c>
      <c r="I111" s="3">
        <v>2020</v>
      </c>
      <c r="J111" s="2" t="s">
        <v>20</v>
      </c>
      <c r="K111" s="2"/>
      <c r="L111" s="2" t="s">
        <v>384</v>
      </c>
    </row>
    <row r="112" spans="1:12" ht="15.2" customHeight="1">
      <c r="A112" s="2" t="s">
        <v>341</v>
      </c>
      <c r="B112" s="2" t="s">
        <v>86</v>
      </c>
      <c r="C112" s="2"/>
      <c r="D112" s="2" t="s">
        <v>385</v>
      </c>
      <c r="E112" s="2" t="s">
        <v>379</v>
      </c>
      <c r="F112" s="2" t="s">
        <v>386</v>
      </c>
      <c r="G112" s="3">
        <v>1</v>
      </c>
      <c r="H112" s="2" t="s">
        <v>59</v>
      </c>
      <c r="I112" s="3">
        <v>2020</v>
      </c>
      <c r="J112" s="2" t="s">
        <v>20</v>
      </c>
      <c r="K112" s="2"/>
      <c r="L112" s="2" t="s">
        <v>387</v>
      </c>
    </row>
    <row r="113" spans="1:12" ht="15.2" customHeight="1">
      <c r="A113" s="2" t="s">
        <v>341</v>
      </c>
      <c r="B113" s="2" t="s">
        <v>92</v>
      </c>
      <c r="C113" s="2"/>
      <c r="D113" s="2" t="s">
        <v>388</v>
      </c>
      <c r="E113" s="2" t="s">
        <v>379</v>
      </c>
      <c r="F113" s="2" t="s">
        <v>389</v>
      </c>
      <c r="G113" s="3">
        <v>2</v>
      </c>
      <c r="H113" s="2" t="s">
        <v>59</v>
      </c>
      <c r="I113" s="3">
        <v>2020</v>
      </c>
      <c r="J113" s="2" t="s">
        <v>20</v>
      </c>
      <c r="K113" s="2"/>
      <c r="L113" s="2" t="s">
        <v>390</v>
      </c>
    </row>
    <row r="114" spans="1:12" ht="15.2" customHeight="1">
      <c r="A114" s="2" t="s">
        <v>341</v>
      </c>
      <c r="B114" s="2" t="s">
        <v>202</v>
      </c>
      <c r="C114" s="2"/>
      <c r="D114" s="2" t="s">
        <v>391</v>
      </c>
      <c r="E114" s="2" t="s">
        <v>379</v>
      </c>
      <c r="F114" s="2" t="s">
        <v>392</v>
      </c>
      <c r="G114" s="3">
        <v>5</v>
      </c>
      <c r="H114" s="2" t="s">
        <v>59</v>
      </c>
      <c r="I114" s="3">
        <v>2020</v>
      </c>
      <c r="J114" s="2" t="s">
        <v>20</v>
      </c>
      <c r="K114" s="2"/>
      <c r="L114" s="2" t="s">
        <v>393</v>
      </c>
    </row>
    <row r="115" spans="1:12" ht="15.2" customHeight="1">
      <c r="A115" s="2" t="s">
        <v>341</v>
      </c>
      <c r="B115" s="2" t="s">
        <v>102</v>
      </c>
      <c r="C115" s="2" t="s">
        <v>394</v>
      </c>
      <c r="D115" s="2" t="s">
        <v>395</v>
      </c>
      <c r="E115" s="2" t="s">
        <v>307</v>
      </c>
      <c r="F115" s="2" t="s">
        <v>396</v>
      </c>
      <c r="G115" s="3">
        <v>2</v>
      </c>
      <c r="H115" s="2" t="s">
        <v>74</v>
      </c>
      <c r="I115" s="3">
        <v>2012</v>
      </c>
      <c r="J115" s="2" t="s">
        <v>20</v>
      </c>
      <c r="K115" s="2"/>
      <c r="L115" s="2" t="s">
        <v>397</v>
      </c>
    </row>
    <row r="116" spans="1:12" ht="15.2" customHeight="1">
      <c r="A116" s="2" t="s">
        <v>341</v>
      </c>
      <c r="B116" s="2" t="s">
        <v>107</v>
      </c>
      <c r="C116" s="2" t="s">
        <v>398</v>
      </c>
      <c r="D116" s="2" t="s">
        <v>311</v>
      </c>
      <c r="E116" s="2" t="s">
        <v>312</v>
      </c>
      <c r="F116" s="2" t="s">
        <v>399</v>
      </c>
      <c r="G116" s="3">
        <v>4</v>
      </c>
      <c r="H116" s="2" t="s">
        <v>74</v>
      </c>
      <c r="I116" s="3">
        <v>2015</v>
      </c>
      <c r="J116" s="2" t="s">
        <v>314</v>
      </c>
      <c r="K116" s="2"/>
      <c r="L116" s="2" t="s">
        <v>400</v>
      </c>
    </row>
    <row r="117" spans="1:12" ht="15.2" customHeight="1">
      <c r="A117" s="2" t="s">
        <v>341</v>
      </c>
      <c r="B117" s="2" t="s">
        <v>111</v>
      </c>
      <c r="C117" s="2" t="s">
        <v>401</v>
      </c>
      <c r="D117" s="2" t="s">
        <v>402</v>
      </c>
      <c r="E117" s="2" t="s">
        <v>318</v>
      </c>
      <c r="F117" s="2" t="s">
        <v>403</v>
      </c>
      <c r="G117" s="3">
        <v>6</v>
      </c>
      <c r="H117" s="2" t="s">
        <v>59</v>
      </c>
      <c r="I117" s="3">
        <v>2020</v>
      </c>
      <c r="J117" s="2" t="s">
        <v>28</v>
      </c>
      <c r="K117" s="2"/>
      <c r="L117" s="2" t="s">
        <v>404</v>
      </c>
    </row>
    <row r="118" spans="1:12" ht="15.2" customHeight="1">
      <c r="A118" s="2" t="s">
        <v>341</v>
      </c>
      <c r="B118" s="2" t="s">
        <v>115</v>
      </c>
      <c r="C118" s="2"/>
      <c r="D118" s="2" t="s">
        <v>108</v>
      </c>
      <c r="E118" s="2" t="s">
        <v>104</v>
      </c>
      <c r="F118" s="2" t="s">
        <v>109</v>
      </c>
      <c r="G118" s="3">
        <v>2</v>
      </c>
      <c r="H118" s="2" t="s">
        <v>59</v>
      </c>
      <c r="I118" s="3">
        <v>2019</v>
      </c>
      <c r="J118" s="2" t="s">
        <v>20</v>
      </c>
      <c r="K118" s="2"/>
      <c r="L118" s="2" t="s">
        <v>110</v>
      </c>
    </row>
    <row r="119" spans="1:12" ht="15.2" customHeight="1">
      <c r="A119" s="2" t="s">
        <v>341</v>
      </c>
      <c r="B119" s="2" t="s">
        <v>122</v>
      </c>
      <c r="C119" s="2" t="s">
        <v>405</v>
      </c>
      <c r="D119" s="2" t="s">
        <v>406</v>
      </c>
      <c r="E119" s="2" t="s">
        <v>407</v>
      </c>
      <c r="F119" s="2" t="s">
        <v>408</v>
      </c>
      <c r="G119" s="3">
        <v>1</v>
      </c>
      <c r="H119" s="2" t="s">
        <v>59</v>
      </c>
      <c r="I119" s="3">
        <v>2019</v>
      </c>
      <c r="J119" s="2" t="s">
        <v>20</v>
      </c>
      <c r="K119" s="2"/>
      <c r="L119" s="2" t="s">
        <v>409</v>
      </c>
    </row>
    <row r="120" spans="1:12" ht="15.2" customHeight="1">
      <c r="A120" s="2" t="s">
        <v>341</v>
      </c>
      <c r="B120" s="2" t="s">
        <v>126</v>
      </c>
      <c r="C120" s="2" t="s">
        <v>410</v>
      </c>
      <c r="D120" s="2" t="s">
        <v>411</v>
      </c>
      <c r="E120" s="2" t="s">
        <v>412</v>
      </c>
      <c r="F120" s="2" t="s">
        <v>413</v>
      </c>
      <c r="G120" s="3">
        <v>1</v>
      </c>
      <c r="H120" s="2" t="s">
        <v>59</v>
      </c>
      <c r="I120" s="3">
        <v>2019</v>
      </c>
      <c r="J120" s="2" t="s">
        <v>20</v>
      </c>
      <c r="K120" s="2"/>
      <c r="L120" s="2" t="s">
        <v>414</v>
      </c>
    </row>
    <row r="121" spans="1:12" ht="15.2" customHeight="1">
      <c r="A121" s="2" t="s">
        <v>341</v>
      </c>
      <c r="B121" s="2" t="s">
        <v>130</v>
      </c>
      <c r="C121" s="2" t="s">
        <v>415</v>
      </c>
      <c r="D121" s="2" t="s">
        <v>416</v>
      </c>
      <c r="E121" s="2" t="s">
        <v>412</v>
      </c>
      <c r="F121" s="2" t="s">
        <v>417</v>
      </c>
      <c r="G121" s="3">
        <v>2</v>
      </c>
      <c r="H121" s="2" t="s">
        <v>59</v>
      </c>
      <c r="I121" s="3">
        <v>2019</v>
      </c>
      <c r="J121" s="2" t="s">
        <v>20</v>
      </c>
      <c r="K121" s="2"/>
      <c r="L121" s="2" t="s">
        <v>418</v>
      </c>
    </row>
    <row r="122" spans="1:12" ht="15.2" customHeight="1">
      <c r="A122" s="2" t="s">
        <v>341</v>
      </c>
      <c r="B122" s="2" t="s">
        <v>135</v>
      </c>
      <c r="C122" s="2" t="s">
        <v>419</v>
      </c>
      <c r="D122" s="2" t="s">
        <v>420</v>
      </c>
      <c r="E122" s="2" t="s">
        <v>412</v>
      </c>
      <c r="F122" s="2" t="s">
        <v>421</v>
      </c>
      <c r="G122" s="3">
        <v>3</v>
      </c>
      <c r="H122" s="2" t="s">
        <v>59</v>
      </c>
      <c r="I122" s="3">
        <v>2019</v>
      </c>
      <c r="J122" s="2" t="s">
        <v>20</v>
      </c>
      <c r="K122" s="2"/>
      <c r="L122" s="2" t="s">
        <v>422</v>
      </c>
    </row>
    <row r="123" spans="1:12" ht="15.2" customHeight="1">
      <c r="A123" s="2" t="s">
        <v>341</v>
      </c>
      <c r="B123" s="2" t="s">
        <v>140</v>
      </c>
      <c r="C123" s="2" t="s">
        <v>82</v>
      </c>
      <c r="D123" s="2" t="s">
        <v>83</v>
      </c>
      <c r="E123" s="2" t="s">
        <v>84</v>
      </c>
      <c r="F123" s="2" t="s">
        <v>84</v>
      </c>
      <c r="G123" s="3">
        <v>1</v>
      </c>
      <c r="H123" s="2" t="s">
        <v>59</v>
      </c>
      <c r="I123" s="3">
        <v>2019</v>
      </c>
      <c r="J123" s="2" t="s">
        <v>20</v>
      </c>
      <c r="K123" s="2"/>
      <c r="L123" s="2" t="s">
        <v>85</v>
      </c>
    </row>
    <row r="124" spans="1:12" ht="15.2" customHeight="1">
      <c r="A124" s="2" t="s">
        <v>341</v>
      </c>
      <c r="B124" s="2" t="s">
        <v>141</v>
      </c>
      <c r="C124" s="2" t="s">
        <v>87</v>
      </c>
      <c r="D124" s="2" t="s">
        <v>88</v>
      </c>
      <c r="E124" s="2" t="s">
        <v>89</v>
      </c>
      <c r="F124" s="2" t="s">
        <v>90</v>
      </c>
      <c r="G124" s="3">
        <v>1</v>
      </c>
      <c r="H124" s="2" t="s">
        <v>59</v>
      </c>
      <c r="I124" s="3">
        <v>2019</v>
      </c>
      <c r="J124" s="2" t="s">
        <v>20</v>
      </c>
      <c r="K124" s="2"/>
      <c r="L124" s="2" t="s">
        <v>91</v>
      </c>
    </row>
    <row r="125" spans="1:12" ht="15.2" customHeight="1">
      <c r="A125" s="2" t="s">
        <v>341</v>
      </c>
      <c r="B125" s="2" t="s">
        <v>142</v>
      </c>
      <c r="C125" s="2" t="s">
        <v>93</v>
      </c>
      <c r="D125" s="2" t="s">
        <v>94</v>
      </c>
      <c r="E125" s="2" t="s">
        <v>89</v>
      </c>
      <c r="F125" s="2" t="s">
        <v>95</v>
      </c>
      <c r="G125" s="3">
        <v>2</v>
      </c>
      <c r="H125" s="2" t="s">
        <v>59</v>
      </c>
      <c r="I125" s="3">
        <v>2019</v>
      </c>
      <c r="J125" s="2" t="s">
        <v>20</v>
      </c>
      <c r="K125" s="2"/>
      <c r="L125" s="2" t="s">
        <v>96</v>
      </c>
    </row>
    <row r="126" spans="1:12" ht="15.2" customHeight="1">
      <c r="A126" s="2" t="s">
        <v>341</v>
      </c>
      <c r="B126" s="2" t="s">
        <v>143</v>
      </c>
      <c r="C126" s="2" t="s">
        <v>98</v>
      </c>
      <c r="D126" s="2" t="s">
        <v>99</v>
      </c>
      <c r="E126" s="2" t="s">
        <v>89</v>
      </c>
      <c r="F126" s="2" t="s">
        <v>100</v>
      </c>
      <c r="G126" s="3">
        <v>3</v>
      </c>
      <c r="H126" s="2" t="s">
        <v>59</v>
      </c>
      <c r="I126" s="3">
        <v>2019</v>
      </c>
      <c r="J126" s="2" t="s">
        <v>20</v>
      </c>
      <c r="K126" s="2"/>
      <c r="L126" s="2" t="s">
        <v>101</v>
      </c>
    </row>
    <row r="127" spans="1:12" ht="15.2" customHeight="1">
      <c r="A127" s="2" t="s">
        <v>341</v>
      </c>
      <c r="B127" s="2" t="s">
        <v>144</v>
      </c>
      <c r="C127" s="2" t="s">
        <v>346</v>
      </c>
      <c r="D127" s="2" t="s">
        <v>250</v>
      </c>
      <c r="E127" s="2" t="s">
        <v>250</v>
      </c>
      <c r="F127" s="2" t="s">
        <v>347</v>
      </c>
      <c r="G127" s="3">
        <v>14</v>
      </c>
      <c r="H127" s="2" t="s">
        <v>19</v>
      </c>
      <c r="I127" s="3">
        <v>2015</v>
      </c>
      <c r="J127" s="2" t="s">
        <v>28</v>
      </c>
      <c r="K127" s="2"/>
      <c r="L127" s="2" t="s">
        <v>348</v>
      </c>
    </row>
    <row r="128" spans="1:12" ht="15.2" customHeight="1">
      <c r="A128" s="2" t="s">
        <v>341</v>
      </c>
      <c r="B128" s="2" t="s">
        <v>145</v>
      </c>
      <c r="C128" s="2" t="s">
        <v>349</v>
      </c>
      <c r="D128" s="2" t="s">
        <v>250</v>
      </c>
      <c r="E128" s="2" t="s">
        <v>250</v>
      </c>
      <c r="F128" s="2" t="s">
        <v>350</v>
      </c>
      <c r="G128" s="3">
        <v>13</v>
      </c>
      <c r="H128" s="2" t="s">
        <v>19</v>
      </c>
      <c r="I128" s="3">
        <v>2015</v>
      </c>
      <c r="J128" s="2" t="s">
        <v>28</v>
      </c>
      <c r="K128" s="2"/>
      <c r="L128" s="2" t="s">
        <v>351</v>
      </c>
    </row>
    <row r="129" spans="1:12" ht="15.2" customHeight="1">
      <c r="A129" s="2" t="s">
        <v>341</v>
      </c>
      <c r="B129" s="2" t="s">
        <v>146</v>
      </c>
      <c r="C129" s="2" t="s">
        <v>360</v>
      </c>
      <c r="D129" s="2" t="s">
        <v>361</v>
      </c>
      <c r="E129" s="2" t="s">
        <v>267</v>
      </c>
      <c r="F129" s="2" t="s">
        <v>362</v>
      </c>
      <c r="G129" s="3">
        <v>9</v>
      </c>
      <c r="H129" s="2" t="s">
        <v>74</v>
      </c>
      <c r="I129" s="3">
        <v>2012</v>
      </c>
      <c r="J129" s="2" t="s">
        <v>39</v>
      </c>
      <c r="K129" s="2"/>
      <c r="L129" s="2" t="s">
        <v>363</v>
      </c>
    </row>
    <row r="130" spans="1:12" ht="15.2" customHeight="1">
      <c r="A130" s="2" t="s">
        <v>341</v>
      </c>
      <c r="B130" s="2" t="s">
        <v>152</v>
      </c>
      <c r="C130" s="2" t="s">
        <v>364</v>
      </c>
      <c r="D130" s="2" t="s">
        <v>365</v>
      </c>
      <c r="E130" s="2" t="s">
        <v>267</v>
      </c>
      <c r="F130" s="2" t="s">
        <v>366</v>
      </c>
      <c r="G130" s="3">
        <v>4</v>
      </c>
      <c r="H130" s="2" t="s">
        <v>74</v>
      </c>
      <c r="I130" s="3">
        <v>2012</v>
      </c>
      <c r="J130" s="2" t="s">
        <v>39</v>
      </c>
      <c r="K130" s="2"/>
      <c r="L130" s="2" t="s">
        <v>367</v>
      </c>
    </row>
    <row r="131" spans="1:12" ht="15.2" customHeight="1">
      <c r="A131" s="2" t="s">
        <v>341</v>
      </c>
      <c r="B131" s="2" t="s">
        <v>157</v>
      </c>
      <c r="C131" s="2"/>
      <c r="D131" s="2" t="s">
        <v>368</v>
      </c>
      <c r="E131" s="2" t="s">
        <v>271</v>
      </c>
      <c r="F131" s="2" t="s">
        <v>369</v>
      </c>
      <c r="G131" s="3">
        <v>1</v>
      </c>
      <c r="H131" s="2" t="s">
        <v>19</v>
      </c>
      <c r="I131" s="3">
        <v>2020</v>
      </c>
      <c r="J131" s="2" t="s">
        <v>28</v>
      </c>
      <c r="K131" s="2"/>
      <c r="L131" s="2" t="s">
        <v>370</v>
      </c>
    </row>
    <row r="132" spans="1:12" ht="15.2" customHeight="1">
      <c r="A132" s="2" t="s">
        <v>341</v>
      </c>
      <c r="B132" s="2" t="s">
        <v>340</v>
      </c>
      <c r="C132" s="2"/>
      <c r="D132" s="2" t="s">
        <v>371</v>
      </c>
      <c r="E132" s="2" t="s">
        <v>271</v>
      </c>
      <c r="F132" s="2" t="s">
        <v>372</v>
      </c>
      <c r="G132" s="3">
        <v>8</v>
      </c>
      <c r="H132" s="2" t="s">
        <v>19</v>
      </c>
      <c r="I132" s="3">
        <v>2020</v>
      </c>
      <c r="J132" s="2" t="s">
        <v>28</v>
      </c>
      <c r="K132" s="2"/>
      <c r="L132" s="2" t="s">
        <v>373</v>
      </c>
    </row>
    <row r="133" spans="1:12" ht="15.2" customHeight="1">
      <c r="A133" s="2" t="s">
        <v>423</v>
      </c>
      <c r="B133" s="2" t="s">
        <v>14</v>
      </c>
      <c r="C133" s="2" t="s">
        <v>424</v>
      </c>
      <c r="D133" s="2" t="s">
        <v>425</v>
      </c>
      <c r="E133" s="2" t="s">
        <v>17</v>
      </c>
      <c r="F133" s="2" t="s">
        <v>426</v>
      </c>
      <c r="G133" s="3">
        <v>10</v>
      </c>
      <c r="H133" s="2" t="s">
        <v>19</v>
      </c>
      <c r="I133" s="3">
        <v>2014</v>
      </c>
      <c r="J133" s="2" t="s">
        <v>20</v>
      </c>
      <c r="K133" s="2"/>
      <c r="L133" s="2" t="s">
        <v>427</v>
      </c>
    </row>
    <row r="134" spans="1:12" ht="15.2" customHeight="1">
      <c r="A134" s="2" t="s">
        <v>423</v>
      </c>
      <c r="B134" s="2" t="s">
        <v>22</v>
      </c>
      <c r="C134" s="2" t="s">
        <v>428</v>
      </c>
      <c r="D134" s="2" t="s">
        <v>250</v>
      </c>
      <c r="E134" s="2" t="s">
        <v>250</v>
      </c>
      <c r="F134" s="2" t="s">
        <v>429</v>
      </c>
      <c r="G134" s="3">
        <v>3</v>
      </c>
      <c r="H134" s="2" t="s">
        <v>19</v>
      </c>
      <c r="I134" s="3">
        <v>2015</v>
      </c>
      <c r="J134" s="2" t="s">
        <v>28</v>
      </c>
      <c r="K134" s="2"/>
      <c r="L134" s="2" t="s">
        <v>430</v>
      </c>
    </row>
    <row r="135" spans="1:12" ht="15.2" customHeight="1">
      <c r="A135" s="2" t="s">
        <v>423</v>
      </c>
      <c r="B135" s="2" t="s">
        <v>30</v>
      </c>
      <c r="C135" s="2" t="s">
        <v>431</v>
      </c>
      <c r="D135" s="2" t="s">
        <v>250</v>
      </c>
      <c r="E135" s="2" t="s">
        <v>250</v>
      </c>
      <c r="F135" s="2" t="s">
        <v>432</v>
      </c>
      <c r="G135" s="3">
        <v>11</v>
      </c>
      <c r="H135" s="2" t="s">
        <v>19</v>
      </c>
      <c r="I135" s="3">
        <v>2015</v>
      </c>
      <c r="J135" s="2" t="s">
        <v>28</v>
      </c>
      <c r="K135" s="2"/>
      <c r="L135" s="2" t="s">
        <v>433</v>
      </c>
    </row>
    <row r="136" spans="1:12" ht="15.2" customHeight="1">
      <c r="A136" s="2" t="s">
        <v>423</v>
      </c>
      <c r="B136" s="2" t="s">
        <v>34</v>
      </c>
      <c r="C136" s="2" t="s">
        <v>434</v>
      </c>
      <c r="D136" s="2" t="s">
        <v>435</v>
      </c>
      <c r="E136" s="2" t="s">
        <v>258</v>
      </c>
      <c r="F136" s="2" t="s">
        <v>436</v>
      </c>
      <c r="G136" s="3">
        <v>8</v>
      </c>
      <c r="H136" s="2" t="s">
        <v>74</v>
      </c>
      <c r="I136" s="3">
        <v>2009</v>
      </c>
      <c r="J136" s="2" t="s">
        <v>28</v>
      </c>
      <c r="K136" s="2"/>
      <c r="L136" s="2" t="s">
        <v>437</v>
      </c>
    </row>
    <row r="137" spans="1:12" ht="15.2" customHeight="1">
      <c r="A137" s="2" t="s">
        <v>423</v>
      </c>
      <c r="B137" s="2" t="s">
        <v>45</v>
      </c>
      <c r="C137" s="2" t="s">
        <v>438</v>
      </c>
      <c r="D137" s="2" t="s">
        <v>439</v>
      </c>
      <c r="E137" s="2" t="s">
        <v>258</v>
      </c>
      <c r="F137" s="2" t="s">
        <v>440</v>
      </c>
      <c r="G137" s="3">
        <v>3</v>
      </c>
      <c r="H137" s="2" t="s">
        <v>74</v>
      </c>
      <c r="I137" s="3">
        <v>2009</v>
      </c>
      <c r="J137" s="2" t="s">
        <v>28</v>
      </c>
      <c r="K137" s="2"/>
      <c r="L137" s="2" t="s">
        <v>441</v>
      </c>
    </row>
    <row r="138" spans="1:12" ht="15.2" customHeight="1">
      <c r="A138" s="2" t="s">
        <v>423</v>
      </c>
      <c r="B138" s="2" t="s">
        <v>54</v>
      </c>
      <c r="C138" s="2" t="s">
        <v>442</v>
      </c>
      <c r="D138" s="2" t="s">
        <v>443</v>
      </c>
      <c r="E138" s="2" t="s">
        <v>267</v>
      </c>
      <c r="F138" s="2" t="s">
        <v>444</v>
      </c>
      <c r="G138" s="3">
        <v>10</v>
      </c>
      <c r="H138" s="2" t="s">
        <v>74</v>
      </c>
      <c r="I138" s="3">
        <v>2012</v>
      </c>
      <c r="J138" s="2" t="s">
        <v>39</v>
      </c>
      <c r="K138" s="2"/>
      <c r="L138" s="2" t="s">
        <v>445</v>
      </c>
    </row>
    <row r="139" spans="1:12" ht="15.2" customHeight="1">
      <c r="A139" s="2" t="s">
        <v>423</v>
      </c>
      <c r="B139" s="2" t="s">
        <v>61</v>
      </c>
      <c r="C139" s="2" t="s">
        <v>446</v>
      </c>
      <c r="D139" s="2" t="s">
        <v>447</v>
      </c>
      <c r="E139" s="2" t="s">
        <v>267</v>
      </c>
      <c r="F139" s="2" t="s">
        <v>448</v>
      </c>
      <c r="G139" s="3">
        <v>5</v>
      </c>
      <c r="H139" s="2" t="s">
        <v>74</v>
      </c>
      <c r="I139" s="3">
        <v>2012</v>
      </c>
      <c r="J139" s="2" t="s">
        <v>39</v>
      </c>
      <c r="K139" s="2"/>
      <c r="L139" s="2" t="s">
        <v>449</v>
      </c>
    </row>
    <row r="140" spans="1:12" ht="15.2" customHeight="1">
      <c r="A140" s="2" t="s">
        <v>423</v>
      </c>
      <c r="B140" s="2" t="s">
        <v>66</v>
      </c>
      <c r="C140" s="2"/>
      <c r="D140" s="2" t="s">
        <v>450</v>
      </c>
      <c r="E140" s="2" t="s">
        <v>271</v>
      </c>
      <c r="F140" s="2" t="s">
        <v>451</v>
      </c>
      <c r="G140" s="3">
        <v>7</v>
      </c>
      <c r="H140" s="2" t="s">
        <v>19</v>
      </c>
      <c r="I140" s="3">
        <v>2020</v>
      </c>
      <c r="J140" s="2" t="s">
        <v>28</v>
      </c>
      <c r="K140" s="2"/>
      <c r="L140" s="2" t="s">
        <v>452</v>
      </c>
    </row>
    <row r="141" spans="1:12" ht="15.2" customHeight="1">
      <c r="A141" s="2" t="s">
        <v>423</v>
      </c>
      <c r="B141" s="2" t="s">
        <v>274</v>
      </c>
      <c r="C141" s="2"/>
      <c r="D141" s="2" t="s">
        <v>453</v>
      </c>
      <c r="E141" s="2" t="s">
        <v>271</v>
      </c>
      <c r="F141" s="2" t="s">
        <v>454</v>
      </c>
      <c r="G141" s="3">
        <v>2</v>
      </c>
      <c r="H141" s="2" t="s">
        <v>19</v>
      </c>
      <c r="I141" s="3">
        <v>2020</v>
      </c>
      <c r="J141" s="2" t="s">
        <v>28</v>
      </c>
      <c r="K141" s="2"/>
      <c r="L141" s="2" t="s">
        <v>455</v>
      </c>
    </row>
    <row r="142" spans="1:12" ht="15.2" customHeight="1">
      <c r="A142" s="2" t="s">
        <v>423</v>
      </c>
      <c r="B142" s="2" t="s">
        <v>70</v>
      </c>
      <c r="C142" s="2" t="s">
        <v>456</v>
      </c>
      <c r="D142" s="2" t="s">
        <v>457</v>
      </c>
      <c r="E142" s="2" t="s">
        <v>280</v>
      </c>
      <c r="F142" s="2" t="s">
        <v>458</v>
      </c>
      <c r="G142" s="3">
        <v>3</v>
      </c>
      <c r="H142" s="2" t="s">
        <v>282</v>
      </c>
      <c r="I142" s="3">
        <v>2008</v>
      </c>
      <c r="J142" s="2" t="s">
        <v>28</v>
      </c>
      <c r="K142" s="2"/>
      <c r="L142" s="2" t="s">
        <v>459</v>
      </c>
    </row>
    <row r="143" spans="1:12" ht="15.2" customHeight="1">
      <c r="A143" s="2" t="s">
        <v>423</v>
      </c>
      <c r="B143" s="2" t="s">
        <v>76</v>
      </c>
      <c r="C143" s="2" t="s">
        <v>460</v>
      </c>
      <c r="D143" s="2" t="s">
        <v>461</v>
      </c>
      <c r="E143" s="2" t="s">
        <v>267</v>
      </c>
      <c r="F143" s="2" t="s">
        <v>462</v>
      </c>
      <c r="G143" s="3">
        <v>7</v>
      </c>
      <c r="H143" s="2" t="s">
        <v>59</v>
      </c>
      <c r="I143" s="3">
        <v>2019</v>
      </c>
      <c r="J143" s="2" t="s">
        <v>39</v>
      </c>
      <c r="K143" s="2"/>
      <c r="L143" s="2" t="s">
        <v>463</v>
      </c>
    </row>
    <row r="144" spans="1:12" ht="15.2" customHeight="1">
      <c r="A144" s="2" t="s">
        <v>423</v>
      </c>
      <c r="B144" s="2" t="s">
        <v>81</v>
      </c>
      <c r="C144" s="2" t="s">
        <v>464</v>
      </c>
      <c r="D144" s="2" t="s">
        <v>465</v>
      </c>
      <c r="E144" s="2" t="s">
        <v>267</v>
      </c>
      <c r="F144" s="2" t="s">
        <v>466</v>
      </c>
      <c r="G144" s="3">
        <v>8</v>
      </c>
      <c r="H144" s="2" t="s">
        <v>59</v>
      </c>
      <c r="I144" s="3">
        <v>2019</v>
      </c>
      <c r="J144" s="2" t="s">
        <v>39</v>
      </c>
      <c r="K144" s="2"/>
      <c r="L144" s="2" t="s">
        <v>467</v>
      </c>
    </row>
    <row r="145" spans="1:12" ht="15.2" customHeight="1">
      <c r="A145" s="2" t="s">
        <v>423</v>
      </c>
      <c r="B145" s="2" t="s">
        <v>86</v>
      </c>
      <c r="C145" s="2" t="s">
        <v>468</v>
      </c>
      <c r="D145" s="2" t="s">
        <v>469</v>
      </c>
      <c r="E145" s="2" t="s">
        <v>267</v>
      </c>
      <c r="F145" s="2" t="s">
        <v>470</v>
      </c>
      <c r="G145" s="3">
        <v>1</v>
      </c>
      <c r="H145" s="2" t="s">
        <v>59</v>
      </c>
      <c r="I145" s="3">
        <v>2019</v>
      </c>
      <c r="J145" s="2" t="s">
        <v>39</v>
      </c>
      <c r="K145" s="2"/>
      <c r="L145" s="2" t="s">
        <v>471</v>
      </c>
    </row>
    <row r="146" spans="1:12" ht="15.2" customHeight="1">
      <c r="A146" s="2" t="s">
        <v>423</v>
      </c>
      <c r="B146" s="2" t="s">
        <v>92</v>
      </c>
      <c r="C146" s="2" t="s">
        <v>472</v>
      </c>
      <c r="D146" s="2" t="s">
        <v>473</v>
      </c>
      <c r="E146" s="2" t="s">
        <v>267</v>
      </c>
      <c r="F146" s="2" t="s">
        <v>474</v>
      </c>
      <c r="G146" s="3">
        <v>9</v>
      </c>
      <c r="H146" s="2" t="s">
        <v>59</v>
      </c>
      <c r="I146" s="3">
        <v>2019</v>
      </c>
      <c r="J146" s="2" t="s">
        <v>39</v>
      </c>
      <c r="K146" s="2"/>
      <c r="L146" s="2" t="s">
        <v>475</v>
      </c>
    </row>
    <row r="147" spans="1:12" ht="15.2" customHeight="1">
      <c r="A147" s="2" t="s">
        <v>423</v>
      </c>
      <c r="B147" s="2" t="s">
        <v>202</v>
      </c>
      <c r="C147" s="2" t="s">
        <v>476</v>
      </c>
      <c r="D147" s="2" t="s">
        <v>477</v>
      </c>
      <c r="E147" s="2" t="s">
        <v>267</v>
      </c>
      <c r="F147" s="2" t="s">
        <v>478</v>
      </c>
      <c r="G147" s="3">
        <v>10</v>
      </c>
      <c r="H147" s="2" t="s">
        <v>59</v>
      </c>
      <c r="I147" s="3">
        <v>2019</v>
      </c>
      <c r="J147" s="2" t="s">
        <v>39</v>
      </c>
      <c r="K147" s="2"/>
      <c r="L147" s="2" t="s">
        <v>479</v>
      </c>
    </row>
    <row r="148" spans="1:12" ht="15.2" customHeight="1">
      <c r="A148" s="2" t="s">
        <v>423</v>
      </c>
      <c r="B148" s="2" t="s">
        <v>102</v>
      </c>
      <c r="C148" s="2" t="s">
        <v>480</v>
      </c>
      <c r="D148" s="2" t="s">
        <v>481</v>
      </c>
      <c r="E148" s="2" t="s">
        <v>307</v>
      </c>
      <c r="F148" s="2" t="s">
        <v>482</v>
      </c>
      <c r="G148" s="3">
        <v>3</v>
      </c>
      <c r="H148" s="2" t="s">
        <v>74</v>
      </c>
      <c r="I148" s="3">
        <v>2012</v>
      </c>
      <c r="J148" s="2" t="s">
        <v>20</v>
      </c>
      <c r="K148" s="2"/>
      <c r="L148" s="2" t="s">
        <v>483</v>
      </c>
    </row>
    <row r="149" spans="1:12" ht="15.2" customHeight="1">
      <c r="A149" s="2" t="s">
        <v>423</v>
      </c>
      <c r="B149" s="2" t="s">
        <v>107</v>
      </c>
      <c r="C149" s="2" t="s">
        <v>484</v>
      </c>
      <c r="D149" s="2" t="s">
        <v>311</v>
      </c>
      <c r="E149" s="2" t="s">
        <v>312</v>
      </c>
      <c r="F149" s="2" t="s">
        <v>485</v>
      </c>
      <c r="G149" s="3">
        <v>7</v>
      </c>
      <c r="H149" s="2" t="s">
        <v>74</v>
      </c>
      <c r="I149" s="3">
        <v>2015</v>
      </c>
      <c r="J149" s="2" t="s">
        <v>314</v>
      </c>
      <c r="K149" s="2"/>
      <c r="L149" s="2" t="s">
        <v>486</v>
      </c>
    </row>
    <row r="150" spans="1:12" ht="15.2" customHeight="1">
      <c r="A150" s="2" t="s">
        <v>423</v>
      </c>
      <c r="B150" s="2" t="s">
        <v>111</v>
      </c>
      <c r="C150" s="2" t="s">
        <v>487</v>
      </c>
      <c r="D150" s="2" t="s">
        <v>488</v>
      </c>
      <c r="E150" s="2" t="s">
        <v>318</v>
      </c>
      <c r="F150" s="2" t="s">
        <v>489</v>
      </c>
      <c r="G150" s="3">
        <v>3</v>
      </c>
      <c r="H150" s="2" t="s">
        <v>59</v>
      </c>
      <c r="I150" s="3">
        <v>2020</v>
      </c>
      <c r="J150" s="2" t="s">
        <v>28</v>
      </c>
      <c r="K150" s="2"/>
      <c r="L150" s="2" t="s">
        <v>490</v>
      </c>
    </row>
    <row r="151" spans="1:12" ht="15.2" customHeight="1">
      <c r="A151" s="2" t="s">
        <v>423</v>
      </c>
      <c r="B151" s="2" t="s">
        <v>115</v>
      </c>
      <c r="C151" s="2"/>
      <c r="D151" s="2" t="s">
        <v>112</v>
      </c>
      <c r="E151" s="2" t="s">
        <v>104</v>
      </c>
      <c r="F151" s="2" t="s">
        <v>113</v>
      </c>
      <c r="G151" s="3">
        <v>3</v>
      </c>
      <c r="H151" s="2" t="s">
        <v>59</v>
      </c>
      <c r="I151" s="3">
        <v>2019</v>
      </c>
      <c r="J151" s="2" t="s">
        <v>20</v>
      </c>
      <c r="K151" s="2"/>
      <c r="L151" s="2" t="s">
        <v>114</v>
      </c>
    </row>
    <row r="152" spans="1:12" ht="15.2" customHeight="1">
      <c r="A152" s="2" t="s">
        <v>423</v>
      </c>
      <c r="B152" s="2" t="s">
        <v>122</v>
      </c>
      <c r="C152" s="2" t="s">
        <v>491</v>
      </c>
      <c r="D152" s="2" t="s">
        <v>492</v>
      </c>
      <c r="E152" s="2" t="s">
        <v>493</v>
      </c>
      <c r="F152" s="2" t="s">
        <v>494</v>
      </c>
      <c r="G152" s="3">
        <v>1</v>
      </c>
      <c r="H152" s="2" t="s">
        <v>74</v>
      </c>
      <c r="I152" s="3">
        <v>2012</v>
      </c>
      <c r="J152" s="2" t="s">
        <v>495</v>
      </c>
      <c r="K152" s="2" t="s">
        <v>496</v>
      </c>
      <c r="L152" s="2" t="s">
        <v>497</v>
      </c>
    </row>
    <row r="153" spans="1:12" ht="15.2" customHeight="1">
      <c r="A153" s="2" t="s">
        <v>423</v>
      </c>
      <c r="B153" s="2" t="s">
        <v>126</v>
      </c>
      <c r="C153" s="2" t="s">
        <v>498</v>
      </c>
      <c r="D153" s="2" t="s">
        <v>499</v>
      </c>
      <c r="E153" s="2" t="s">
        <v>493</v>
      </c>
      <c r="F153" s="2" t="s">
        <v>500</v>
      </c>
      <c r="G153" s="3">
        <v>2</v>
      </c>
      <c r="H153" s="2" t="s">
        <v>74</v>
      </c>
      <c r="I153" s="3">
        <v>2012</v>
      </c>
      <c r="J153" s="2" t="s">
        <v>495</v>
      </c>
      <c r="K153" s="2" t="s">
        <v>496</v>
      </c>
      <c r="L153" s="2" t="s">
        <v>501</v>
      </c>
    </row>
    <row r="154" spans="1:12" ht="15.2" customHeight="1">
      <c r="A154" s="2" t="s">
        <v>423</v>
      </c>
      <c r="B154" s="2" t="s">
        <v>130</v>
      </c>
      <c r="C154" s="2" t="s">
        <v>502</v>
      </c>
      <c r="D154" s="2" t="s">
        <v>503</v>
      </c>
      <c r="E154" s="2" t="s">
        <v>493</v>
      </c>
      <c r="F154" s="2" t="s">
        <v>504</v>
      </c>
      <c r="G154" s="3">
        <v>3</v>
      </c>
      <c r="H154" s="2" t="s">
        <v>74</v>
      </c>
      <c r="I154" s="3">
        <v>2012</v>
      </c>
      <c r="J154" s="2" t="s">
        <v>495</v>
      </c>
      <c r="K154" s="2" t="s">
        <v>496</v>
      </c>
      <c r="L154" s="2" t="s">
        <v>505</v>
      </c>
    </row>
    <row r="155" spans="1:12" ht="15.2" customHeight="1">
      <c r="A155" s="2" t="s">
        <v>423</v>
      </c>
      <c r="B155" s="2" t="s">
        <v>135</v>
      </c>
      <c r="C155" s="2" t="s">
        <v>506</v>
      </c>
      <c r="D155" s="2" t="s">
        <v>507</v>
      </c>
      <c r="E155" s="2" t="s">
        <v>493</v>
      </c>
      <c r="F155" s="2" t="s">
        <v>508</v>
      </c>
      <c r="G155" s="3">
        <v>4</v>
      </c>
      <c r="H155" s="2" t="s">
        <v>74</v>
      </c>
      <c r="I155" s="3">
        <v>2012</v>
      </c>
      <c r="J155" s="2" t="s">
        <v>495</v>
      </c>
      <c r="K155" s="2" t="s">
        <v>496</v>
      </c>
      <c r="L155" s="2" t="s">
        <v>509</v>
      </c>
    </row>
    <row r="156" spans="1:12" ht="15.2" customHeight="1">
      <c r="A156" s="2" t="s">
        <v>423</v>
      </c>
      <c r="B156" s="2" t="s">
        <v>140</v>
      </c>
      <c r="C156" s="2" t="s">
        <v>510</v>
      </c>
      <c r="D156" s="2" t="s">
        <v>511</v>
      </c>
      <c r="E156" s="2" t="s">
        <v>512</v>
      </c>
      <c r="F156" s="2" t="s">
        <v>513</v>
      </c>
      <c r="G156" s="3">
        <v>1</v>
      </c>
      <c r="H156" s="2" t="s">
        <v>282</v>
      </c>
      <c r="I156" s="3">
        <v>2010</v>
      </c>
      <c r="J156" s="2" t="s">
        <v>20</v>
      </c>
      <c r="K156" s="2"/>
      <c r="L156" s="2" t="s">
        <v>514</v>
      </c>
    </row>
    <row r="157" spans="1:12" ht="15.2" customHeight="1">
      <c r="A157" s="2" t="s">
        <v>423</v>
      </c>
      <c r="B157" s="2" t="s">
        <v>141</v>
      </c>
      <c r="C157" s="2" t="s">
        <v>515</v>
      </c>
      <c r="D157" s="2" t="s">
        <v>516</v>
      </c>
      <c r="E157" s="2" t="s">
        <v>512</v>
      </c>
      <c r="F157" s="2" t="s">
        <v>517</v>
      </c>
      <c r="G157" s="3">
        <v>2</v>
      </c>
      <c r="H157" s="2" t="s">
        <v>282</v>
      </c>
      <c r="I157" s="3">
        <v>2010</v>
      </c>
      <c r="J157" s="2" t="s">
        <v>20</v>
      </c>
      <c r="K157" s="2"/>
      <c r="L157" s="2" t="s">
        <v>518</v>
      </c>
    </row>
    <row r="158" spans="1:12" ht="15.2" customHeight="1">
      <c r="A158" s="2" t="s">
        <v>423</v>
      </c>
      <c r="B158" s="2" t="s">
        <v>142</v>
      </c>
      <c r="C158" s="2" t="s">
        <v>519</v>
      </c>
      <c r="D158" s="2" t="s">
        <v>520</v>
      </c>
      <c r="E158" s="2" t="s">
        <v>521</v>
      </c>
      <c r="F158" s="2" t="s">
        <v>522</v>
      </c>
      <c r="G158" s="3">
        <v>6</v>
      </c>
      <c r="H158" s="2" t="s">
        <v>59</v>
      </c>
      <c r="I158" s="3">
        <v>2019</v>
      </c>
      <c r="J158" s="2" t="s">
        <v>28</v>
      </c>
      <c r="K158" s="2"/>
      <c r="L158" s="2" t="s">
        <v>523</v>
      </c>
    </row>
    <row r="159" spans="1:12" ht="15.2" customHeight="1">
      <c r="A159" s="2" t="s">
        <v>423</v>
      </c>
      <c r="B159" s="2" t="s">
        <v>143</v>
      </c>
      <c r="C159" s="2" t="s">
        <v>524</v>
      </c>
      <c r="D159" s="2" t="s">
        <v>525</v>
      </c>
      <c r="E159" s="2" t="s">
        <v>521</v>
      </c>
      <c r="F159" s="2" t="s">
        <v>526</v>
      </c>
      <c r="G159" s="3">
        <v>4</v>
      </c>
      <c r="H159" s="2" t="s">
        <v>59</v>
      </c>
      <c r="I159" s="3">
        <v>2019</v>
      </c>
      <c r="J159" s="2" t="s">
        <v>28</v>
      </c>
      <c r="K159" s="2"/>
      <c r="L159" s="2" t="s">
        <v>527</v>
      </c>
    </row>
    <row r="160" spans="1:12" ht="15.2" customHeight="1">
      <c r="A160" s="2" t="s">
        <v>423</v>
      </c>
      <c r="B160" s="2" t="s">
        <v>144</v>
      </c>
      <c r="C160" s="2" t="s">
        <v>428</v>
      </c>
      <c r="D160" s="2" t="s">
        <v>250</v>
      </c>
      <c r="E160" s="2" t="s">
        <v>250</v>
      </c>
      <c r="F160" s="2" t="s">
        <v>429</v>
      </c>
      <c r="G160" s="3">
        <v>3</v>
      </c>
      <c r="H160" s="2" t="s">
        <v>19</v>
      </c>
      <c r="I160" s="3">
        <v>2015</v>
      </c>
      <c r="J160" s="2" t="s">
        <v>28</v>
      </c>
      <c r="K160" s="2"/>
      <c r="L160" s="2" t="s">
        <v>430</v>
      </c>
    </row>
    <row r="161" spans="1:12" ht="15.2" customHeight="1">
      <c r="A161" s="2" t="s">
        <v>423</v>
      </c>
      <c r="B161" s="2" t="s">
        <v>145</v>
      </c>
      <c r="C161" s="2" t="s">
        <v>431</v>
      </c>
      <c r="D161" s="2" t="s">
        <v>250</v>
      </c>
      <c r="E161" s="2" t="s">
        <v>250</v>
      </c>
      <c r="F161" s="2" t="s">
        <v>432</v>
      </c>
      <c r="G161" s="3">
        <v>11</v>
      </c>
      <c r="H161" s="2" t="s">
        <v>19</v>
      </c>
      <c r="I161" s="3">
        <v>2015</v>
      </c>
      <c r="J161" s="2" t="s">
        <v>28</v>
      </c>
      <c r="K161" s="2"/>
      <c r="L161" s="2" t="s">
        <v>433</v>
      </c>
    </row>
    <row r="162" spans="1:12" ht="15.2" customHeight="1">
      <c r="A162" s="2" t="s">
        <v>423</v>
      </c>
      <c r="B162" s="2" t="s">
        <v>146</v>
      </c>
      <c r="C162" s="2" t="s">
        <v>442</v>
      </c>
      <c r="D162" s="2" t="s">
        <v>443</v>
      </c>
      <c r="E162" s="2" t="s">
        <v>267</v>
      </c>
      <c r="F162" s="2" t="s">
        <v>444</v>
      </c>
      <c r="G162" s="3">
        <v>10</v>
      </c>
      <c r="H162" s="2" t="s">
        <v>74</v>
      </c>
      <c r="I162" s="3">
        <v>2012</v>
      </c>
      <c r="J162" s="2" t="s">
        <v>39</v>
      </c>
      <c r="K162" s="2"/>
      <c r="L162" s="2" t="s">
        <v>445</v>
      </c>
    </row>
    <row r="163" spans="1:12" ht="15.2" customHeight="1">
      <c r="A163" s="2" t="s">
        <v>423</v>
      </c>
      <c r="B163" s="2" t="s">
        <v>152</v>
      </c>
      <c r="C163" s="2" t="s">
        <v>446</v>
      </c>
      <c r="D163" s="2" t="s">
        <v>447</v>
      </c>
      <c r="E163" s="2" t="s">
        <v>267</v>
      </c>
      <c r="F163" s="2" t="s">
        <v>448</v>
      </c>
      <c r="G163" s="3">
        <v>5</v>
      </c>
      <c r="H163" s="2" t="s">
        <v>74</v>
      </c>
      <c r="I163" s="3">
        <v>2012</v>
      </c>
      <c r="J163" s="2" t="s">
        <v>39</v>
      </c>
      <c r="K163" s="2"/>
      <c r="L163" s="2" t="s">
        <v>449</v>
      </c>
    </row>
    <row r="164" spans="1:12" ht="15.2" customHeight="1">
      <c r="A164" s="2" t="s">
        <v>423</v>
      </c>
      <c r="B164" s="2" t="s">
        <v>157</v>
      </c>
      <c r="C164" s="2"/>
      <c r="D164" s="2" t="s">
        <v>450</v>
      </c>
      <c r="E164" s="2" t="s">
        <v>271</v>
      </c>
      <c r="F164" s="2" t="s">
        <v>451</v>
      </c>
      <c r="G164" s="3">
        <v>7</v>
      </c>
      <c r="H164" s="2" t="s">
        <v>19</v>
      </c>
      <c r="I164" s="3">
        <v>2020</v>
      </c>
      <c r="J164" s="2" t="s">
        <v>28</v>
      </c>
      <c r="K164" s="2"/>
      <c r="L164" s="2" t="s">
        <v>452</v>
      </c>
    </row>
    <row r="165" spans="1:12" ht="15.2" customHeight="1">
      <c r="A165" s="2" t="s">
        <v>423</v>
      </c>
      <c r="B165" s="2" t="s">
        <v>340</v>
      </c>
      <c r="C165" s="2"/>
      <c r="D165" s="2" t="s">
        <v>453</v>
      </c>
      <c r="E165" s="2" t="s">
        <v>271</v>
      </c>
      <c r="F165" s="2" t="s">
        <v>454</v>
      </c>
      <c r="G165" s="3">
        <v>2</v>
      </c>
      <c r="H165" s="2" t="s">
        <v>19</v>
      </c>
      <c r="I165" s="3">
        <v>2020</v>
      </c>
      <c r="J165" s="2" t="s">
        <v>28</v>
      </c>
      <c r="K165" s="2"/>
      <c r="L165" s="2" t="s">
        <v>455</v>
      </c>
    </row>
    <row r="166" spans="1:12" ht="15.2" customHeight="1">
      <c r="A166" s="2" t="s">
        <v>528</v>
      </c>
      <c r="B166" s="2" t="s">
        <v>14</v>
      </c>
      <c r="C166" s="2" t="s">
        <v>529</v>
      </c>
      <c r="D166" s="2" t="s">
        <v>530</v>
      </c>
      <c r="E166" s="2" t="s">
        <v>17</v>
      </c>
      <c r="F166" s="2" t="s">
        <v>531</v>
      </c>
      <c r="G166" s="3">
        <v>13</v>
      </c>
      <c r="H166" s="2" t="s">
        <v>19</v>
      </c>
      <c r="I166" s="3">
        <v>2014</v>
      </c>
      <c r="J166" s="2" t="s">
        <v>20</v>
      </c>
      <c r="K166" s="2"/>
      <c r="L166" s="2" t="s">
        <v>532</v>
      </c>
    </row>
    <row r="167" spans="1:12" ht="15.2" customHeight="1">
      <c r="A167" s="2" t="s">
        <v>528</v>
      </c>
      <c r="B167" s="2" t="s">
        <v>22</v>
      </c>
      <c r="C167" s="2" t="s">
        <v>533</v>
      </c>
      <c r="D167" s="2" t="s">
        <v>250</v>
      </c>
      <c r="E167" s="2" t="s">
        <v>250</v>
      </c>
      <c r="F167" s="2" t="s">
        <v>534</v>
      </c>
      <c r="G167" s="3">
        <v>17</v>
      </c>
      <c r="H167" s="2" t="s">
        <v>19</v>
      </c>
      <c r="I167" s="3">
        <v>2015</v>
      </c>
      <c r="J167" s="2" t="s">
        <v>28</v>
      </c>
      <c r="K167" s="2"/>
      <c r="L167" s="2" t="s">
        <v>535</v>
      </c>
    </row>
    <row r="168" spans="1:12" ht="15.2" customHeight="1">
      <c r="A168" s="2" t="s">
        <v>528</v>
      </c>
      <c r="B168" s="2" t="s">
        <v>30</v>
      </c>
      <c r="C168" s="2" t="s">
        <v>536</v>
      </c>
      <c r="D168" s="2" t="s">
        <v>250</v>
      </c>
      <c r="E168" s="2" t="s">
        <v>250</v>
      </c>
      <c r="F168" s="2" t="s">
        <v>537</v>
      </c>
      <c r="G168" s="3">
        <v>18</v>
      </c>
      <c r="H168" s="2" t="s">
        <v>19</v>
      </c>
      <c r="I168" s="3">
        <v>2015</v>
      </c>
      <c r="J168" s="2" t="s">
        <v>28</v>
      </c>
      <c r="K168" s="2"/>
      <c r="L168" s="2" t="s">
        <v>538</v>
      </c>
    </row>
    <row r="169" spans="1:12" ht="15.2" customHeight="1">
      <c r="A169" s="2" t="s">
        <v>528</v>
      </c>
      <c r="B169" s="2" t="s">
        <v>34</v>
      </c>
      <c r="C169" s="2" t="s">
        <v>539</v>
      </c>
      <c r="D169" s="2" t="s">
        <v>540</v>
      </c>
      <c r="E169" s="2" t="s">
        <v>258</v>
      </c>
      <c r="F169" s="2" t="s">
        <v>541</v>
      </c>
      <c r="G169" s="3">
        <v>9</v>
      </c>
      <c r="H169" s="2" t="s">
        <v>74</v>
      </c>
      <c r="I169" s="3">
        <v>2009</v>
      </c>
      <c r="J169" s="2" t="s">
        <v>28</v>
      </c>
      <c r="K169" s="2"/>
      <c r="L169" s="2" t="s">
        <v>542</v>
      </c>
    </row>
    <row r="170" spans="1:12" ht="15.2" customHeight="1">
      <c r="A170" s="2" t="s">
        <v>528</v>
      </c>
      <c r="B170" s="2" t="s">
        <v>45</v>
      </c>
      <c r="C170" s="2" t="s">
        <v>543</v>
      </c>
      <c r="D170" s="2" t="s">
        <v>544</v>
      </c>
      <c r="E170" s="2" t="s">
        <v>258</v>
      </c>
      <c r="F170" s="2" t="s">
        <v>545</v>
      </c>
      <c r="G170" s="3">
        <v>4</v>
      </c>
      <c r="H170" s="2" t="s">
        <v>74</v>
      </c>
      <c r="I170" s="3">
        <v>2009</v>
      </c>
      <c r="J170" s="2" t="s">
        <v>28</v>
      </c>
      <c r="K170" s="2"/>
      <c r="L170" s="2" t="s">
        <v>546</v>
      </c>
    </row>
    <row r="171" spans="1:12" ht="15.2" customHeight="1">
      <c r="A171" s="2" t="s">
        <v>528</v>
      </c>
      <c r="B171" s="2" t="s">
        <v>54</v>
      </c>
      <c r="C171" s="2" t="s">
        <v>547</v>
      </c>
      <c r="D171" s="2" t="s">
        <v>548</v>
      </c>
      <c r="E171" s="2" t="s">
        <v>267</v>
      </c>
      <c r="F171" s="2" t="s">
        <v>549</v>
      </c>
      <c r="G171" s="3">
        <v>11</v>
      </c>
      <c r="H171" s="2" t="s">
        <v>74</v>
      </c>
      <c r="I171" s="3">
        <v>2012</v>
      </c>
      <c r="J171" s="2" t="s">
        <v>39</v>
      </c>
      <c r="K171" s="2"/>
      <c r="L171" s="2" t="s">
        <v>550</v>
      </c>
    </row>
    <row r="172" spans="1:12" ht="15.2" customHeight="1">
      <c r="A172" s="2" t="s">
        <v>528</v>
      </c>
      <c r="B172" s="2" t="s">
        <v>61</v>
      </c>
      <c r="C172" s="2" t="s">
        <v>551</v>
      </c>
      <c r="D172" s="2" t="s">
        <v>552</v>
      </c>
      <c r="E172" s="2" t="s">
        <v>267</v>
      </c>
      <c r="F172" s="2" t="s">
        <v>553</v>
      </c>
      <c r="G172" s="3">
        <v>6</v>
      </c>
      <c r="H172" s="2" t="s">
        <v>74</v>
      </c>
      <c r="I172" s="3">
        <v>2012</v>
      </c>
      <c r="J172" s="2" t="s">
        <v>39</v>
      </c>
      <c r="K172" s="2"/>
      <c r="L172" s="2" t="s">
        <v>554</v>
      </c>
    </row>
    <row r="173" spans="1:12" ht="15.2" customHeight="1">
      <c r="A173" s="2" t="s">
        <v>528</v>
      </c>
      <c r="B173" s="2" t="s">
        <v>66</v>
      </c>
      <c r="C173" s="2"/>
      <c r="D173" s="2" t="s">
        <v>555</v>
      </c>
      <c r="E173" s="2" t="s">
        <v>271</v>
      </c>
      <c r="F173" s="2" t="s">
        <v>556</v>
      </c>
      <c r="G173" s="3">
        <v>5</v>
      </c>
      <c r="H173" s="2" t="s">
        <v>19</v>
      </c>
      <c r="I173" s="3">
        <v>2020</v>
      </c>
      <c r="J173" s="2" t="s">
        <v>28</v>
      </c>
      <c r="K173" s="2"/>
      <c r="L173" s="2" t="s">
        <v>557</v>
      </c>
    </row>
    <row r="174" spans="1:12" ht="15.2" customHeight="1">
      <c r="A174" s="2" t="s">
        <v>528</v>
      </c>
      <c r="B174" s="2" t="s">
        <v>274</v>
      </c>
      <c r="C174" s="2"/>
      <c r="D174" s="2" t="s">
        <v>558</v>
      </c>
      <c r="E174" s="2" t="s">
        <v>271</v>
      </c>
      <c r="F174" s="2" t="s">
        <v>559</v>
      </c>
      <c r="G174" s="3">
        <v>12</v>
      </c>
      <c r="H174" s="2" t="s">
        <v>19</v>
      </c>
      <c r="I174" s="3">
        <v>2020</v>
      </c>
      <c r="J174" s="2" t="s">
        <v>28</v>
      </c>
      <c r="K174" s="2"/>
      <c r="L174" s="2" t="s">
        <v>560</v>
      </c>
    </row>
    <row r="175" spans="1:12" ht="15.2" customHeight="1">
      <c r="A175" s="2" t="s">
        <v>528</v>
      </c>
      <c r="B175" s="2" t="s">
        <v>70</v>
      </c>
      <c r="C175" s="2" t="s">
        <v>561</v>
      </c>
      <c r="D175" s="2" t="s">
        <v>562</v>
      </c>
      <c r="E175" s="2" t="s">
        <v>280</v>
      </c>
      <c r="F175" s="2" t="s">
        <v>563</v>
      </c>
      <c r="G175" s="3">
        <v>4</v>
      </c>
      <c r="H175" s="2" t="s">
        <v>282</v>
      </c>
      <c r="I175" s="3">
        <v>2008</v>
      </c>
      <c r="J175" s="2" t="s">
        <v>28</v>
      </c>
      <c r="K175" s="2"/>
      <c r="L175" s="2" t="s">
        <v>564</v>
      </c>
    </row>
    <row r="176" spans="1:12" ht="15.2" customHeight="1">
      <c r="A176" s="2" t="s">
        <v>528</v>
      </c>
      <c r="B176" s="2" t="s">
        <v>76</v>
      </c>
      <c r="C176" s="2" t="s">
        <v>565</v>
      </c>
      <c r="D176" s="2" t="s">
        <v>566</v>
      </c>
      <c r="E176" s="2" t="s">
        <v>567</v>
      </c>
      <c r="F176" s="2" t="s">
        <v>568</v>
      </c>
      <c r="G176" s="3">
        <v>29</v>
      </c>
      <c r="H176" s="2" t="s">
        <v>74</v>
      </c>
      <c r="I176" s="3">
        <v>2012</v>
      </c>
      <c r="J176" s="2" t="s">
        <v>20</v>
      </c>
      <c r="K176" s="2"/>
      <c r="L176" s="2" t="s">
        <v>569</v>
      </c>
    </row>
    <row r="177" spans="1:12" ht="15.2" customHeight="1">
      <c r="A177" s="2" t="s">
        <v>528</v>
      </c>
      <c r="B177" s="2" t="s">
        <v>81</v>
      </c>
      <c r="C177" s="2" t="s">
        <v>570</v>
      </c>
      <c r="D177" s="2" t="s">
        <v>571</v>
      </c>
      <c r="E177" s="2" t="s">
        <v>567</v>
      </c>
      <c r="F177" s="2" t="s">
        <v>572</v>
      </c>
      <c r="G177" s="3">
        <v>36</v>
      </c>
      <c r="H177" s="2" t="s">
        <v>74</v>
      </c>
      <c r="I177" s="3">
        <v>2012</v>
      </c>
      <c r="J177" s="2" t="s">
        <v>20</v>
      </c>
      <c r="K177" s="2"/>
      <c r="L177" s="2" t="s">
        <v>573</v>
      </c>
    </row>
    <row r="178" spans="1:12" ht="15.2" customHeight="1">
      <c r="A178" s="2" t="s">
        <v>528</v>
      </c>
      <c r="B178" s="2" t="s">
        <v>86</v>
      </c>
      <c r="C178" s="2" t="s">
        <v>574</v>
      </c>
      <c r="D178" s="2" t="s">
        <v>575</v>
      </c>
      <c r="E178" s="2" t="s">
        <v>567</v>
      </c>
      <c r="F178" s="2" t="s">
        <v>576</v>
      </c>
      <c r="G178" s="3">
        <v>65</v>
      </c>
      <c r="H178" s="2" t="s">
        <v>74</v>
      </c>
      <c r="I178" s="3">
        <v>2012</v>
      </c>
      <c r="J178" s="2" t="s">
        <v>20</v>
      </c>
      <c r="K178" s="2"/>
      <c r="L178" s="2" t="s">
        <v>577</v>
      </c>
    </row>
    <row r="179" spans="1:12" ht="15.2" customHeight="1">
      <c r="A179" s="2" t="s">
        <v>528</v>
      </c>
      <c r="B179" s="2" t="s">
        <v>92</v>
      </c>
      <c r="C179" s="2" t="s">
        <v>578</v>
      </c>
      <c r="D179" s="2" t="s">
        <v>579</v>
      </c>
      <c r="E179" s="2" t="s">
        <v>567</v>
      </c>
      <c r="F179" s="2" t="s">
        <v>580</v>
      </c>
      <c r="G179" s="3">
        <v>43</v>
      </c>
      <c r="H179" s="2" t="s">
        <v>74</v>
      </c>
      <c r="I179" s="3">
        <v>2012</v>
      </c>
      <c r="J179" s="2" t="s">
        <v>20</v>
      </c>
      <c r="K179" s="2"/>
      <c r="L179" s="2" t="s">
        <v>581</v>
      </c>
    </row>
    <row r="180" spans="1:12" ht="15.2" customHeight="1">
      <c r="A180" s="2" t="s">
        <v>528</v>
      </c>
      <c r="B180" s="2" t="s">
        <v>202</v>
      </c>
      <c r="C180" s="2" t="s">
        <v>582</v>
      </c>
      <c r="D180" s="2" t="s">
        <v>583</v>
      </c>
      <c r="E180" s="2" t="s">
        <v>567</v>
      </c>
      <c r="F180" s="2" t="s">
        <v>584</v>
      </c>
      <c r="G180" s="3">
        <v>44</v>
      </c>
      <c r="H180" s="2" t="s">
        <v>74</v>
      </c>
      <c r="I180" s="3">
        <v>2012</v>
      </c>
      <c r="J180" s="2" t="s">
        <v>20</v>
      </c>
      <c r="K180" s="2"/>
      <c r="L180" s="2" t="s">
        <v>585</v>
      </c>
    </row>
    <row r="181" spans="1:12" ht="15.2" customHeight="1">
      <c r="A181" s="2" t="s">
        <v>528</v>
      </c>
      <c r="B181" s="2" t="s">
        <v>102</v>
      </c>
      <c r="C181" s="2" t="s">
        <v>586</v>
      </c>
      <c r="D181" s="2" t="s">
        <v>587</v>
      </c>
      <c r="E181" s="2" t="s">
        <v>307</v>
      </c>
      <c r="F181" s="2" t="s">
        <v>588</v>
      </c>
      <c r="G181" s="3">
        <v>4</v>
      </c>
      <c r="H181" s="2" t="s">
        <v>74</v>
      </c>
      <c r="I181" s="3">
        <v>2012</v>
      </c>
      <c r="J181" s="2" t="s">
        <v>20</v>
      </c>
      <c r="K181" s="2"/>
      <c r="L181" s="2" t="s">
        <v>589</v>
      </c>
    </row>
    <row r="182" spans="1:12" ht="15.2" customHeight="1">
      <c r="A182" s="2" t="s">
        <v>528</v>
      </c>
      <c r="B182" s="2" t="s">
        <v>107</v>
      </c>
      <c r="C182" s="2" t="s">
        <v>590</v>
      </c>
      <c r="D182" s="2" t="s">
        <v>311</v>
      </c>
      <c r="E182" s="2" t="s">
        <v>312</v>
      </c>
      <c r="F182" s="2" t="s">
        <v>591</v>
      </c>
      <c r="G182" s="3">
        <v>8</v>
      </c>
      <c r="H182" s="2" t="s">
        <v>74</v>
      </c>
      <c r="I182" s="3">
        <v>2015</v>
      </c>
      <c r="J182" s="2" t="s">
        <v>314</v>
      </c>
      <c r="K182" s="2"/>
      <c r="L182" s="2" t="s">
        <v>592</v>
      </c>
    </row>
    <row r="183" spans="1:12" ht="15.2" customHeight="1">
      <c r="A183" s="2" t="s">
        <v>528</v>
      </c>
      <c r="B183" s="2" t="s">
        <v>111</v>
      </c>
      <c r="C183" s="2" t="s">
        <v>593</v>
      </c>
      <c r="D183" s="2" t="s">
        <v>594</v>
      </c>
      <c r="E183" s="2" t="s">
        <v>318</v>
      </c>
      <c r="F183" s="2" t="s">
        <v>595</v>
      </c>
      <c r="G183" s="3">
        <v>4</v>
      </c>
      <c r="H183" s="2" t="s">
        <v>59</v>
      </c>
      <c r="I183" s="3">
        <v>2020</v>
      </c>
      <c r="J183" s="2" t="s">
        <v>28</v>
      </c>
      <c r="K183" s="2"/>
      <c r="L183" s="2" t="s">
        <v>596</v>
      </c>
    </row>
    <row r="184" spans="1:12" ht="15.2" customHeight="1">
      <c r="A184" s="2" t="s">
        <v>528</v>
      </c>
      <c r="B184" s="2" t="s">
        <v>115</v>
      </c>
      <c r="C184" s="2"/>
      <c r="D184" s="2" t="s">
        <v>597</v>
      </c>
      <c r="E184" s="2" t="s">
        <v>104</v>
      </c>
      <c r="F184" s="2" t="s">
        <v>598</v>
      </c>
      <c r="G184" s="3">
        <v>4</v>
      </c>
      <c r="H184" s="2" t="s">
        <v>59</v>
      </c>
      <c r="I184" s="3">
        <v>2019</v>
      </c>
      <c r="J184" s="2" t="s">
        <v>20</v>
      </c>
      <c r="K184" s="2"/>
      <c r="L184" s="2" t="s">
        <v>599</v>
      </c>
    </row>
    <row r="185" spans="1:12" ht="15.2" customHeight="1">
      <c r="A185" s="2" t="s">
        <v>528</v>
      </c>
      <c r="B185" s="2" t="s">
        <v>122</v>
      </c>
      <c r="C185" s="2" t="s">
        <v>600</v>
      </c>
      <c r="D185" s="2" t="s">
        <v>601</v>
      </c>
      <c r="E185" s="2" t="s">
        <v>602</v>
      </c>
      <c r="F185" s="2" t="s">
        <v>603</v>
      </c>
      <c r="G185" s="3">
        <v>1</v>
      </c>
      <c r="H185" s="2" t="s">
        <v>74</v>
      </c>
      <c r="I185" s="3">
        <v>2016</v>
      </c>
      <c r="J185" s="2" t="s">
        <v>604</v>
      </c>
      <c r="K185" s="2" t="s">
        <v>605</v>
      </c>
      <c r="L185" s="2" t="s">
        <v>606</v>
      </c>
    </row>
    <row r="186" spans="1:12" ht="15.2" customHeight="1">
      <c r="A186" s="2" t="s">
        <v>528</v>
      </c>
      <c r="B186" s="2" t="s">
        <v>126</v>
      </c>
      <c r="C186" s="2" t="s">
        <v>607</v>
      </c>
      <c r="D186" s="2" t="s">
        <v>608</v>
      </c>
      <c r="E186" s="2" t="s">
        <v>602</v>
      </c>
      <c r="F186" s="2" t="s">
        <v>609</v>
      </c>
      <c r="G186" s="3">
        <v>2</v>
      </c>
      <c r="H186" s="2" t="s">
        <v>74</v>
      </c>
      <c r="I186" s="3">
        <v>2016</v>
      </c>
      <c r="J186" s="2" t="s">
        <v>604</v>
      </c>
      <c r="K186" s="2" t="s">
        <v>605</v>
      </c>
      <c r="L186" s="2" t="s">
        <v>610</v>
      </c>
    </row>
    <row r="187" spans="1:12" ht="15.2" customHeight="1">
      <c r="A187" s="2" t="s">
        <v>528</v>
      </c>
      <c r="B187" s="2" t="s">
        <v>130</v>
      </c>
      <c r="C187" s="2" t="s">
        <v>611</v>
      </c>
      <c r="D187" s="2" t="s">
        <v>612</v>
      </c>
      <c r="E187" s="2" t="s">
        <v>602</v>
      </c>
      <c r="F187" s="2" t="s">
        <v>613</v>
      </c>
      <c r="G187" s="3">
        <v>3</v>
      </c>
      <c r="H187" s="2" t="s">
        <v>74</v>
      </c>
      <c r="I187" s="3">
        <v>2016</v>
      </c>
      <c r="J187" s="2" t="s">
        <v>604</v>
      </c>
      <c r="K187" s="2" t="s">
        <v>605</v>
      </c>
      <c r="L187" s="2" t="s">
        <v>614</v>
      </c>
    </row>
    <row r="188" spans="1:12" ht="15.2" customHeight="1">
      <c r="A188" s="2" t="s">
        <v>528</v>
      </c>
      <c r="B188" s="2" t="s">
        <v>135</v>
      </c>
      <c r="C188" s="2" t="s">
        <v>615</v>
      </c>
      <c r="D188" s="2" t="s">
        <v>616</v>
      </c>
      <c r="E188" s="2" t="s">
        <v>602</v>
      </c>
      <c r="F188" s="2" t="s">
        <v>617</v>
      </c>
      <c r="G188" s="3">
        <v>4</v>
      </c>
      <c r="H188" s="2" t="s">
        <v>74</v>
      </c>
      <c r="I188" s="3">
        <v>2016</v>
      </c>
      <c r="J188" s="2" t="s">
        <v>604</v>
      </c>
      <c r="K188" s="2" t="s">
        <v>605</v>
      </c>
      <c r="L188" s="2" t="s">
        <v>618</v>
      </c>
    </row>
    <row r="189" spans="1:12" ht="15.2" customHeight="1">
      <c r="A189" s="2" t="s">
        <v>528</v>
      </c>
      <c r="B189" s="2" t="s">
        <v>140</v>
      </c>
      <c r="C189" s="2" t="s">
        <v>147</v>
      </c>
      <c r="D189" s="2" t="s">
        <v>148</v>
      </c>
      <c r="E189" s="2" t="s">
        <v>149</v>
      </c>
      <c r="F189" s="2" t="s">
        <v>150</v>
      </c>
      <c r="G189" s="3">
        <v>11</v>
      </c>
      <c r="H189" s="2" t="s">
        <v>59</v>
      </c>
      <c r="I189" s="3">
        <v>2010</v>
      </c>
      <c r="J189" s="2" t="s">
        <v>20</v>
      </c>
      <c r="K189" s="2"/>
      <c r="L189" s="2" t="s">
        <v>151</v>
      </c>
    </row>
    <row r="190" spans="1:12" ht="15.2" customHeight="1">
      <c r="A190" s="2" t="s">
        <v>528</v>
      </c>
      <c r="B190" s="2" t="s">
        <v>141</v>
      </c>
      <c r="C190" s="2" t="s">
        <v>153</v>
      </c>
      <c r="D190" s="2" t="s">
        <v>154</v>
      </c>
      <c r="E190" s="2" t="s">
        <v>149</v>
      </c>
      <c r="F190" s="2" t="s">
        <v>155</v>
      </c>
      <c r="G190" s="3">
        <v>12</v>
      </c>
      <c r="H190" s="2" t="s">
        <v>59</v>
      </c>
      <c r="I190" s="3">
        <v>2010</v>
      </c>
      <c r="J190" s="2" t="s">
        <v>20</v>
      </c>
      <c r="K190" s="2"/>
      <c r="L190" s="2" t="s">
        <v>156</v>
      </c>
    </row>
    <row r="191" spans="1:12" ht="15.2" customHeight="1">
      <c r="A191" s="2" t="s">
        <v>528</v>
      </c>
      <c r="B191" s="2" t="s">
        <v>142</v>
      </c>
      <c r="C191" s="2" t="s">
        <v>198</v>
      </c>
      <c r="D191" s="2" t="s">
        <v>199</v>
      </c>
      <c r="E191" s="2" t="s">
        <v>149</v>
      </c>
      <c r="F191" s="2" t="s">
        <v>200</v>
      </c>
      <c r="G191" s="3">
        <v>13</v>
      </c>
      <c r="H191" s="2" t="s">
        <v>59</v>
      </c>
      <c r="I191" s="3">
        <v>2010</v>
      </c>
      <c r="J191" s="2" t="s">
        <v>20</v>
      </c>
      <c r="K191" s="2"/>
      <c r="L191" s="2" t="s">
        <v>201</v>
      </c>
    </row>
    <row r="192" spans="1:12" ht="15.2" customHeight="1">
      <c r="A192" s="2" t="s">
        <v>528</v>
      </c>
      <c r="B192" s="2" t="s">
        <v>143</v>
      </c>
      <c r="C192" s="2" t="s">
        <v>203</v>
      </c>
      <c r="D192" s="2" t="s">
        <v>204</v>
      </c>
      <c r="E192" s="2" t="s">
        <v>205</v>
      </c>
      <c r="F192" s="2" t="s">
        <v>206</v>
      </c>
      <c r="G192" s="3">
        <v>3</v>
      </c>
      <c r="H192" s="2" t="s">
        <v>74</v>
      </c>
      <c r="I192" s="3">
        <v>2017</v>
      </c>
      <c r="J192" s="2" t="s">
        <v>20</v>
      </c>
      <c r="K192" s="2"/>
      <c r="L192" s="2" t="s">
        <v>207</v>
      </c>
    </row>
    <row r="193" spans="1:12" ht="15.2" customHeight="1">
      <c r="A193" s="2" t="s">
        <v>528</v>
      </c>
      <c r="B193" s="2" t="s">
        <v>144</v>
      </c>
      <c r="C193" s="2" t="s">
        <v>533</v>
      </c>
      <c r="D193" s="2" t="s">
        <v>250</v>
      </c>
      <c r="E193" s="2" t="s">
        <v>250</v>
      </c>
      <c r="F193" s="2" t="s">
        <v>534</v>
      </c>
      <c r="G193" s="3">
        <v>17</v>
      </c>
      <c r="H193" s="2" t="s">
        <v>19</v>
      </c>
      <c r="I193" s="3">
        <v>2015</v>
      </c>
      <c r="J193" s="2" t="s">
        <v>28</v>
      </c>
      <c r="K193" s="2"/>
      <c r="L193" s="2" t="s">
        <v>535</v>
      </c>
    </row>
    <row r="194" spans="1:12" ht="15.2" customHeight="1">
      <c r="A194" s="2" t="s">
        <v>528</v>
      </c>
      <c r="B194" s="2" t="s">
        <v>145</v>
      </c>
      <c r="C194" s="2" t="s">
        <v>536</v>
      </c>
      <c r="D194" s="2" t="s">
        <v>250</v>
      </c>
      <c r="E194" s="2" t="s">
        <v>250</v>
      </c>
      <c r="F194" s="2" t="s">
        <v>537</v>
      </c>
      <c r="G194" s="3">
        <v>18</v>
      </c>
      <c r="H194" s="2" t="s">
        <v>19</v>
      </c>
      <c r="I194" s="3">
        <v>2015</v>
      </c>
      <c r="J194" s="2" t="s">
        <v>28</v>
      </c>
      <c r="K194" s="2"/>
      <c r="L194" s="2" t="s">
        <v>538</v>
      </c>
    </row>
    <row r="195" spans="1:12" ht="15.2" customHeight="1">
      <c r="A195" s="2" t="s">
        <v>528</v>
      </c>
      <c r="B195" s="2" t="s">
        <v>146</v>
      </c>
      <c r="C195" s="2" t="s">
        <v>547</v>
      </c>
      <c r="D195" s="2" t="s">
        <v>548</v>
      </c>
      <c r="E195" s="2" t="s">
        <v>267</v>
      </c>
      <c r="F195" s="2" t="s">
        <v>549</v>
      </c>
      <c r="G195" s="3">
        <v>11</v>
      </c>
      <c r="H195" s="2" t="s">
        <v>74</v>
      </c>
      <c r="I195" s="3">
        <v>2012</v>
      </c>
      <c r="J195" s="2" t="s">
        <v>39</v>
      </c>
      <c r="K195" s="2"/>
      <c r="L195" s="2" t="s">
        <v>550</v>
      </c>
    </row>
    <row r="196" spans="1:12" ht="15.2" customHeight="1">
      <c r="A196" s="2" t="s">
        <v>528</v>
      </c>
      <c r="B196" s="2" t="s">
        <v>152</v>
      </c>
      <c r="C196" s="2" t="s">
        <v>551</v>
      </c>
      <c r="D196" s="2" t="s">
        <v>552</v>
      </c>
      <c r="E196" s="2" t="s">
        <v>267</v>
      </c>
      <c r="F196" s="2" t="s">
        <v>553</v>
      </c>
      <c r="G196" s="3">
        <v>6</v>
      </c>
      <c r="H196" s="2" t="s">
        <v>74</v>
      </c>
      <c r="I196" s="3">
        <v>2012</v>
      </c>
      <c r="J196" s="2" t="s">
        <v>39</v>
      </c>
      <c r="K196" s="2"/>
      <c r="L196" s="2" t="s">
        <v>554</v>
      </c>
    </row>
    <row r="197" spans="1:12" ht="15.2" customHeight="1">
      <c r="A197" s="2" t="s">
        <v>528</v>
      </c>
      <c r="B197" s="2" t="s">
        <v>157</v>
      </c>
      <c r="C197" s="2"/>
      <c r="D197" s="2" t="s">
        <v>555</v>
      </c>
      <c r="E197" s="2" t="s">
        <v>271</v>
      </c>
      <c r="F197" s="2" t="s">
        <v>556</v>
      </c>
      <c r="G197" s="3">
        <v>5</v>
      </c>
      <c r="H197" s="2" t="s">
        <v>19</v>
      </c>
      <c r="I197" s="3">
        <v>2020</v>
      </c>
      <c r="J197" s="2" t="s">
        <v>28</v>
      </c>
      <c r="K197" s="2"/>
      <c r="L197" s="2" t="s">
        <v>557</v>
      </c>
    </row>
    <row r="198" spans="1:12" ht="15.2" customHeight="1">
      <c r="A198" s="2" t="s">
        <v>528</v>
      </c>
      <c r="B198" s="2" t="s">
        <v>340</v>
      </c>
      <c r="C198" s="2"/>
      <c r="D198" s="2" t="s">
        <v>558</v>
      </c>
      <c r="E198" s="2" t="s">
        <v>271</v>
      </c>
      <c r="F198" s="2" t="s">
        <v>559</v>
      </c>
      <c r="G198" s="3">
        <v>12</v>
      </c>
      <c r="H198" s="2" t="s">
        <v>19</v>
      </c>
      <c r="I198" s="3">
        <v>2020</v>
      </c>
      <c r="J198" s="2" t="s">
        <v>28</v>
      </c>
      <c r="K198" s="2"/>
      <c r="L198" s="2" t="s">
        <v>560</v>
      </c>
    </row>
    <row r="199" spans="1:12" ht="15.2" customHeight="1">
      <c r="A199" s="2" t="s">
        <v>619</v>
      </c>
      <c r="B199" s="2" t="s">
        <v>14</v>
      </c>
      <c r="C199" s="2" t="s">
        <v>620</v>
      </c>
      <c r="D199" s="2" t="s">
        <v>621</v>
      </c>
      <c r="E199" s="2" t="s">
        <v>17</v>
      </c>
      <c r="F199" s="2" t="s">
        <v>622</v>
      </c>
      <c r="G199" s="3">
        <v>15</v>
      </c>
      <c r="H199" s="2" t="s">
        <v>19</v>
      </c>
      <c r="I199" s="3">
        <v>2014</v>
      </c>
      <c r="J199" s="2" t="s">
        <v>20</v>
      </c>
      <c r="K199" s="2"/>
      <c r="L199" s="2" t="s">
        <v>623</v>
      </c>
    </row>
    <row r="200" spans="1:12" ht="15.2" customHeight="1">
      <c r="A200" s="2" t="s">
        <v>619</v>
      </c>
      <c r="B200" s="2" t="s">
        <v>22</v>
      </c>
      <c r="C200" s="2" t="s">
        <v>624</v>
      </c>
      <c r="D200" s="2" t="s">
        <v>250</v>
      </c>
      <c r="E200" s="2" t="s">
        <v>250</v>
      </c>
      <c r="F200" s="2" t="s">
        <v>625</v>
      </c>
      <c r="G200" s="3">
        <v>19</v>
      </c>
      <c r="H200" s="2" t="s">
        <v>19</v>
      </c>
      <c r="I200" s="3">
        <v>2015</v>
      </c>
      <c r="J200" s="2" t="s">
        <v>28</v>
      </c>
      <c r="K200" s="2"/>
      <c r="L200" s="2" t="s">
        <v>626</v>
      </c>
    </row>
    <row r="201" spans="1:12" ht="15.2" customHeight="1">
      <c r="A201" s="2" t="s">
        <v>619</v>
      </c>
      <c r="B201" s="2" t="s">
        <v>30</v>
      </c>
      <c r="C201" s="2" t="s">
        <v>627</v>
      </c>
      <c r="D201" s="2" t="s">
        <v>250</v>
      </c>
      <c r="E201" s="2" t="s">
        <v>250</v>
      </c>
      <c r="F201" s="2" t="s">
        <v>628</v>
      </c>
      <c r="G201" s="3">
        <v>20</v>
      </c>
      <c r="H201" s="2" t="s">
        <v>19</v>
      </c>
      <c r="I201" s="3">
        <v>2015</v>
      </c>
      <c r="J201" s="2" t="s">
        <v>28</v>
      </c>
      <c r="K201" s="2"/>
      <c r="L201" s="2" t="s">
        <v>629</v>
      </c>
    </row>
    <row r="202" spans="1:12" ht="15.2" customHeight="1">
      <c r="A202" s="2" t="s">
        <v>619</v>
      </c>
      <c r="B202" s="2" t="s">
        <v>34</v>
      </c>
      <c r="C202" s="2" t="s">
        <v>630</v>
      </c>
      <c r="D202" s="2" t="s">
        <v>631</v>
      </c>
      <c r="E202" s="2" t="s">
        <v>258</v>
      </c>
      <c r="F202" s="2" t="s">
        <v>632</v>
      </c>
      <c r="G202" s="3">
        <v>10</v>
      </c>
      <c r="H202" s="2" t="s">
        <v>74</v>
      </c>
      <c r="I202" s="3">
        <v>2009</v>
      </c>
      <c r="J202" s="2" t="s">
        <v>28</v>
      </c>
      <c r="K202" s="2"/>
      <c r="L202" s="2" t="s">
        <v>633</v>
      </c>
    </row>
    <row r="203" spans="1:12" ht="15.2" customHeight="1">
      <c r="A203" s="2" t="s">
        <v>619</v>
      </c>
      <c r="B203" s="2" t="s">
        <v>45</v>
      </c>
      <c r="C203" s="2" t="s">
        <v>634</v>
      </c>
      <c r="D203" s="2" t="s">
        <v>635</v>
      </c>
      <c r="E203" s="2" t="s">
        <v>258</v>
      </c>
      <c r="F203" s="2" t="s">
        <v>636</v>
      </c>
      <c r="G203" s="3">
        <v>5</v>
      </c>
      <c r="H203" s="2" t="s">
        <v>74</v>
      </c>
      <c r="I203" s="3">
        <v>2009</v>
      </c>
      <c r="J203" s="2" t="s">
        <v>28</v>
      </c>
      <c r="K203" s="2"/>
      <c r="L203" s="2" t="s">
        <v>637</v>
      </c>
    </row>
    <row r="204" spans="1:12" ht="15.2" customHeight="1">
      <c r="A204" s="2" t="s">
        <v>619</v>
      </c>
      <c r="B204" s="2" t="s">
        <v>54</v>
      </c>
      <c r="C204" s="2" t="s">
        <v>638</v>
      </c>
      <c r="D204" s="2" t="s">
        <v>639</v>
      </c>
      <c r="E204" s="2" t="s">
        <v>267</v>
      </c>
      <c r="F204" s="2" t="s">
        <v>640</v>
      </c>
      <c r="G204" s="3">
        <v>12</v>
      </c>
      <c r="H204" s="2" t="s">
        <v>74</v>
      </c>
      <c r="I204" s="3">
        <v>2012</v>
      </c>
      <c r="J204" s="2" t="s">
        <v>39</v>
      </c>
      <c r="K204" s="2"/>
      <c r="L204" s="2" t="s">
        <v>641</v>
      </c>
    </row>
    <row r="205" spans="1:12" ht="15.2" customHeight="1">
      <c r="A205" s="2" t="s">
        <v>619</v>
      </c>
      <c r="B205" s="2" t="s">
        <v>61</v>
      </c>
      <c r="C205" s="2" t="s">
        <v>642</v>
      </c>
      <c r="D205" s="2" t="s">
        <v>643</v>
      </c>
      <c r="E205" s="2" t="s">
        <v>267</v>
      </c>
      <c r="F205" s="2" t="s">
        <v>644</v>
      </c>
      <c r="G205" s="3">
        <v>7</v>
      </c>
      <c r="H205" s="2" t="s">
        <v>74</v>
      </c>
      <c r="I205" s="3">
        <v>2012</v>
      </c>
      <c r="J205" s="2" t="s">
        <v>39</v>
      </c>
      <c r="K205" s="2"/>
      <c r="L205" s="2" t="s">
        <v>645</v>
      </c>
    </row>
    <row r="206" spans="1:12" ht="15.2" customHeight="1">
      <c r="A206" s="2" t="s">
        <v>619</v>
      </c>
      <c r="B206" s="2" t="s">
        <v>66</v>
      </c>
      <c r="C206" s="2"/>
      <c r="D206" s="2" t="s">
        <v>646</v>
      </c>
      <c r="E206" s="2" t="s">
        <v>271</v>
      </c>
      <c r="F206" s="2" t="s">
        <v>647</v>
      </c>
      <c r="G206" s="3">
        <v>9</v>
      </c>
      <c r="H206" s="2" t="s">
        <v>19</v>
      </c>
      <c r="I206" s="3">
        <v>2020</v>
      </c>
      <c r="J206" s="2" t="s">
        <v>28</v>
      </c>
      <c r="K206" s="2"/>
      <c r="L206" s="2" t="s">
        <v>648</v>
      </c>
    </row>
    <row r="207" spans="1:12" ht="15.2" customHeight="1">
      <c r="A207" s="2" t="s">
        <v>619</v>
      </c>
      <c r="B207" s="2" t="s">
        <v>274</v>
      </c>
      <c r="C207" s="2"/>
      <c r="D207" s="2" t="s">
        <v>649</v>
      </c>
      <c r="E207" s="2" t="s">
        <v>271</v>
      </c>
      <c r="F207" s="2" t="s">
        <v>650</v>
      </c>
      <c r="G207" s="3">
        <v>10</v>
      </c>
      <c r="H207" s="2" t="s">
        <v>19</v>
      </c>
      <c r="I207" s="3">
        <v>2020</v>
      </c>
      <c r="J207" s="2" t="s">
        <v>28</v>
      </c>
      <c r="K207" s="2"/>
      <c r="L207" s="2" t="s">
        <v>651</v>
      </c>
    </row>
    <row r="208" spans="1:12" ht="15.2" customHeight="1">
      <c r="A208" s="2" t="s">
        <v>619</v>
      </c>
      <c r="B208" s="2" t="s">
        <v>70</v>
      </c>
      <c r="C208" s="2"/>
      <c r="D208" s="2" t="s">
        <v>652</v>
      </c>
      <c r="E208" s="2" t="s">
        <v>271</v>
      </c>
      <c r="F208" s="2" t="s">
        <v>653</v>
      </c>
      <c r="G208" s="3">
        <v>3</v>
      </c>
      <c r="H208" s="2" t="s">
        <v>19</v>
      </c>
      <c r="I208" s="3">
        <v>2020</v>
      </c>
      <c r="J208" s="2" t="s">
        <v>28</v>
      </c>
      <c r="K208" s="2"/>
      <c r="L208" s="2" t="s">
        <v>654</v>
      </c>
    </row>
    <row r="209" spans="1:12" ht="15.2" customHeight="1">
      <c r="A209" s="2" t="s">
        <v>619</v>
      </c>
      <c r="B209" s="2" t="s">
        <v>655</v>
      </c>
      <c r="C209" s="2"/>
      <c r="D209" s="2" t="s">
        <v>656</v>
      </c>
      <c r="E209" s="2" t="s">
        <v>271</v>
      </c>
      <c r="F209" s="2" t="s">
        <v>657</v>
      </c>
      <c r="G209" s="3">
        <v>6</v>
      </c>
      <c r="H209" s="2" t="s">
        <v>19</v>
      </c>
      <c r="I209" s="3">
        <v>2020</v>
      </c>
      <c r="J209" s="2" t="s">
        <v>28</v>
      </c>
      <c r="K209" s="2"/>
      <c r="L209" s="2" t="s">
        <v>658</v>
      </c>
    </row>
    <row r="210" spans="1:12" ht="15.2" customHeight="1">
      <c r="A210" s="2" t="s">
        <v>619</v>
      </c>
      <c r="B210" s="2" t="s">
        <v>76</v>
      </c>
      <c r="C210" s="2" t="s">
        <v>181</v>
      </c>
      <c r="D210" s="2" t="s">
        <v>182</v>
      </c>
      <c r="E210" s="2" t="s">
        <v>183</v>
      </c>
      <c r="F210" s="2" t="s">
        <v>184</v>
      </c>
      <c r="G210" s="3">
        <v>3</v>
      </c>
      <c r="H210" s="2" t="s">
        <v>59</v>
      </c>
      <c r="I210" s="3">
        <v>2019</v>
      </c>
      <c r="J210" s="2" t="s">
        <v>28</v>
      </c>
      <c r="K210" s="2"/>
      <c r="L210" s="2" t="s">
        <v>185</v>
      </c>
    </row>
    <row r="211" spans="1:12" ht="15.2" customHeight="1">
      <c r="A211" s="2" t="s">
        <v>619</v>
      </c>
      <c r="B211" s="2" t="s">
        <v>81</v>
      </c>
      <c r="C211" s="2" t="s">
        <v>190</v>
      </c>
      <c r="D211" s="2" t="s">
        <v>191</v>
      </c>
      <c r="E211" s="2" t="s">
        <v>183</v>
      </c>
      <c r="F211" s="2" t="s">
        <v>192</v>
      </c>
      <c r="G211" s="3">
        <v>4</v>
      </c>
      <c r="H211" s="2" t="s">
        <v>59</v>
      </c>
      <c r="I211" s="3">
        <v>2019</v>
      </c>
      <c r="J211" s="2" t="s">
        <v>28</v>
      </c>
      <c r="K211" s="2"/>
      <c r="L211" s="2" t="s">
        <v>193</v>
      </c>
    </row>
    <row r="212" spans="1:12" ht="15.2" customHeight="1">
      <c r="A212" s="2" t="s">
        <v>619</v>
      </c>
      <c r="B212" s="2" t="s">
        <v>86</v>
      </c>
      <c r="C212" s="2" t="s">
        <v>659</v>
      </c>
      <c r="D212" s="2" t="s">
        <v>660</v>
      </c>
      <c r="E212" s="2" t="s">
        <v>183</v>
      </c>
      <c r="F212" s="2" t="s">
        <v>661</v>
      </c>
      <c r="G212" s="3">
        <v>5</v>
      </c>
      <c r="H212" s="2" t="s">
        <v>59</v>
      </c>
      <c r="I212" s="3">
        <v>2019</v>
      </c>
      <c r="J212" s="2" t="s">
        <v>28</v>
      </c>
      <c r="K212" s="2"/>
      <c r="L212" s="2" t="s">
        <v>662</v>
      </c>
    </row>
    <row r="213" spans="1:12" ht="15.2" customHeight="1">
      <c r="A213" s="2" t="s">
        <v>619</v>
      </c>
      <c r="B213" s="2" t="s">
        <v>92</v>
      </c>
      <c r="C213" s="2" t="s">
        <v>663</v>
      </c>
      <c r="D213" s="2" t="s">
        <v>664</v>
      </c>
      <c r="E213" s="2" t="s">
        <v>183</v>
      </c>
      <c r="F213" s="2" t="s">
        <v>665</v>
      </c>
      <c r="G213" s="3">
        <v>6</v>
      </c>
      <c r="H213" s="2" t="s">
        <v>59</v>
      </c>
      <c r="I213" s="3">
        <v>2019</v>
      </c>
      <c r="J213" s="2" t="s">
        <v>28</v>
      </c>
      <c r="K213" s="2"/>
      <c r="L213" s="2" t="s">
        <v>666</v>
      </c>
    </row>
    <row r="214" spans="1:12" ht="15.2" customHeight="1">
      <c r="A214" s="2" t="s">
        <v>619</v>
      </c>
      <c r="B214" s="2" t="s">
        <v>202</v>
      </c>
      <c r="C214" s="2" t="s">
        <v>667</v>
      </c>
      <c r="D214" s="2" t="s">
        <v>668</v>
      </c>
      <c r="E214" s="2" t="s">
        <v>669</v>
      </c>
      <c r="F214" s="2" t="s">
        <v>669</v>
      </c>
      <c r="G214" s="3">
        <v>1</v>
      </c>
      <c r="H214" s="2" t="s">
        <v>59</v>
      </c>
      <c r="I214" s="3">
        <v>2019</v>
      </c>
      <c r="J214" s="2" t="s">
        <v>20</v>
      </c>
      <c r="K214" s="2"/>
      <c r="L214" s="2" t="s">
        <v>670</v>
      </c>
    </row>
    <row r="215" spans="1:12" ht="15.2" customHeight="1">
      <c r="A215" s="2" t="s">
        <v>619</v>
      </c>
      <c r="B215" s="2" t="s">
        <v>102</v>
      </c>
      <c r="C215" s="2" t="s">
        <v>671</v>
      </c>
      <c r="D215" s="2" t="s">
        <v>672</v>
      </c>
      <c r="E215" s="2" t="s">
        <v>307</v>
      </c>
      <c r="F215" s="2" t="s">
        <v>673</v>
      </c>
      <c r="G215" s="3">
        <v>5</v>
      </c>
      <c r="H215" s="2" t="s">
        <v>74</v>
      </c>
      <c r="I215" s="3">
        <v>2012</v>
      </c>
      <c r="J215" s="2" t="s">
        <v>20</v>
      </c>
      <c r="K215" s="2"/>
      <c r="L215" s="2" t="s">
        <v>674</v>
      </c>
    </row>
    <row r="216" spans="1:12" ht="15.2" customHeight="1">
      <c r="A216" s="2" t="s">
        <v>619</v>
      </c>
      <c r="B216" s="2" t="s">
        <v>107</v>
      </c>
      <c r="C216" s="2" t="s">
        <v>675</v>
      </c>
      <c r="D216" s="2" t="s">
        <v>311</v>
      </c>
      <c r="E216" s="2" t="s">
        <v>312</v>
      </c>
      <c r="F216" s="2" t="s">
        <v>676</v>
      </c>
      <c r="G216" s="3">
        <v>10</v>
      </c>
      <c r="H216" s="2" t="s">
        <v>74</v>
      </c>
      <c r="I216" s="3">
        <v>2015</v>
      </c>
      <c r="J216" s="2" t="s">
        <v>314</v>
      </c>
      <c r="K216" s="2"/>
      <c r="L216" s="2" t="s">
        <v>677</v>
      </c>
    </row>
    <row r="217" spans="1:12" ht="15.2" customHeight="1">
      <c r="A217" s="2" t="s">
        <v>619</v>
      </c>
      <c r="B217" s="2" t="s">
        <v>111</v>
      </c>
      <c r="C217" s="2" t="s">
        <v>678</v>
      </c>
      <c r="D217" s="2" t="s">
        <v>679</v>
      </c>
      <c r="E217" s="2" t="s">
        <v>318</v>
      </c>
      <c r="F217" s="2" t="s">
        <v>680</v>
      </c>
      <c r="G217" s="3">
        <v>9</v>
      </c>
      <c r="H217" s="2" t="s">
        <v>59</v>
      </c>
      <c r="I217" s="3">
        <v>2020</v>
      </c>
      <c r="J217" s="2" t="s">
        <v>28</v>
      </c>
      <c r="K217" s="2"/>
      <c r="L217" s="2" t="s">
        <v>681</v>
      </c>
    </row>
    <row r="218" spans="1:12" ht="15.2" customHeight="1">
      <c r="A218" s="2" t="s">
        <v>619</v>
      </c>
      <c r="B218" s="2" t="s">
        <v>115</v>
      </c>
      <c r="C218" s="2" t="s">
        <v>682</v>
      </c>
      <c r="D218" s="2" t="s">
        <v>683</v>
      </c>
      <c r="E218" s="2" t="s">
        <v>318</v>
      </c>
      <c r="F218" s="2" t="s">
        <v>684</v>
      </c>
      <c r="G218" s="3">
        <v>1</v>
      </c>
      <c r="H218" s="2" t="s">
        <v>59</v>
      </c>
      <c r="I218" s="3">
        <v>2020</v>
      </c>
      <c r="J218" s="2" t="s">
        <v>28</v>
      </c>
      <c r="K218" s="2"/>
      <c r="L218" s="2" t="s">
        <v>685</v>
      </c>
    </row>
    <row r="219" spans="1:12" s="8" customFormat="1" ht="15.2" customHeight="1">
      <c r="A219" s="7" t="s">
        <v>619</v>
      </c>
      <c r="B219" s="7" t="s">
        <v>122</v>
      </c>
      <c r="C219" s="7"/>
      <c r="D219" s="7" t="s">
        <v>686</v>
      </c>
      <c r="E219" s="7" t="s">
        <v>36</v>
      </c>
      <c r="F219" s="7" t="s">
        <v>687</v>
      </c>
      <c r="G219" s="7">
        <v>5</v>
      </c>
      <c r="H219" s="7" t="s">
        <v>52</v>
      </c>
      <c r="I219" s="7">
        <v>2012</v>
      </c>
      <c r="J219" s="7" t="s">
        <v>39</v>
      </c>
      <c r="K219" s="7"/>
      <c r="L219" s="7" t="s">
        <v>688</v>
      </c>
    </row>
    <row r="220" spans="1:12" ht="15.2" customHeight="1">
      <c r="A220" s="2" t="s">
        <v>619</v>
      </c>
      <c r="B220" s="2" t="s">
        <v>689</v>
      </c>
      <c r="C220" s="2"/>
      <c r="D220" s="2" t="s">
        <v>690</v>
      </c>
      <c r="E220" s="2" t="s">
        <v>36</v>
      </c>
      <c r="F220" s="2" t="s">
        <v>691</v>
      </c>
      <c r="G220" s="3">
        <v>6</v>
      </c>
      <c r="H220" s="2" t="s">
        <v>52</v>
      </c>
      <c r="I220" s="3">
        <v>2012</v>
      </c>
      <c r="J220" s="2" t="s">
        <v>39</v>
      </c>
      <c r="K220" s="2"/>
      <c r="L220" s="2" t="s">
        <v>692</v>
      </c>
    </row>
    <row r="221" spans="1:12" ht="15.2" customHeight="1">
      <c r="A221" s="2" t="s">
        <v>619</v>
      </c>
      <c r="B221" s="2" t="s">
        <v>126</v>
      </c>
      <c r="C221" s="2"/>
      <c r="D221" s="2" t="s">
        <v>693</v>
      </c>
      <c r="E221" s="2" t="s">
        <v>36</v>
      </c>
      <c r="F221" s="2" t="s">
        <v>694</v>
      </c>
      <c r="G221" s="3">
        <v>7</v>
      </c>
      <c r="H221" s="2" t="s">
        <v>52</v>
      </c>
      <c r="I221" s="3">
        <v>2012</v>
      </c>
      <c r="J221" s="2" t="s">
        <v>39</v>
      </c>
      <c r="K221" s="2"/>
      <c r="L221" s="2" t="s">
        <v>695</v>
      </c>
    </row>
    <row r="222" spans="1:12" ht="15.2" customHeight="1">
      <c r="A222" s="2" t="s">
        <v>619</v>
      </c>
      <c r="B222" s="2" t="s">
        <v>696</v>
      </c>
      <c r="C222" s="2"/>
      <c r="D222" s="2" t="s">
        <v>697</v>
      </c>
      <c r="E222" s="2" t="s">
        <v>36</v>
      </c>
      <c r="F222" s="2" t="s">
        <v>698</v>
      </c>
      <c r="G222" s="3">
        <v>8</v>
      </c>
      <c r="H222" s="2" t="s">
        <v>52</v>
      </c>
      <c r="I222" s="3">
        <v>2012</v>
      </c>
      <c r="J222" s="2" t="s">
        <v>39</v>
      </c>
      <c r="K222" s="2"/>
      <c r="L222" s="2" t="s">
        <v>699</v>
      </c>
    </row>
    <row r="223" spans="1:12" ht="15.2" customHeight="1">
      <c r="A223" s="2" t="s">
        <v>619</v>
      </c>
      <c r="B223" s="2" t="s">
        <v>130</v>
      </c>
      <c r="C223" s="2" t="s">
        <v>700</v>
      </c>
      <c r="D223" s="2" t="s">
        <v>701</v>
      </c>
      <c r="E223" s="2" t="s">
        <v>57</v>
      </c>
      <c r="F223" s="2" t="s">
        <v>702</v>
      </c>
      <c r="G223" s="3">
        <v>3</v>
      </c>
      <c r="H223" s="2" t="s">
        <v>59</v>
      </c>
      <c r="I223" s="3">
        <v>2018</v>
      </c>
      <c r="J223" s="2" t="s">
        <v>20</v>
      </c>
      <c r="K223" s="2"/>
      <c r="L223" s="2" t="s">
        <v>703</v>
      </c>
    </row>
    <row r="224" spans="1:12" ht="15.2" customHeight="1">
      <c r="A224" s="2" t="s">
        <v>619</v>
      </c>
      <c r="B224" s="2" t="s">
        <v>135</v>
      </c>
      <c r="C224" s="2" t="s">
        <v>704</v>
      </c>
      <c r="D224" s="2" t="s">
        <v>705</v>
      </c>
      <c r="E224" s="2" t="s">
        <v>57</v>
      </c>
      <c r="F224" s="2" t="s">
        <v>706</v>
      </c>
      <c r="G224" s="3">
        <v>4</v>
      </c>
      <c r="H224" s="2" t="s">
        <v>59</v>
      </c>
      <c r="I224" s="3">
        <v>2018</v>
      </c>
      <c r="J224" s="2" t="s">
        <v>20</v>
      </c>
      <c r="K224" s="2"/>
      <c r="L224" s="2" t="s">
        <v>707</v>
      </c>
    </row>
    <row r="225" spans="1:12" ht="15.2" customHeight="1">
      <c r="A225" s="2" t="s">
        <v>619</v>
      </c>
      <c r="B225" s="2" t="s">
        <v>140</v>
      </c>
      <c r="C225" s="2"/>
      <c r="D225" s="2" t="s">
        <v>35</v>
      </c>
      <c r="E225" s="2" t="s">
        <v>36</v>
      </c>
      <c r="F225" s="2" t="s">
        <v>37</v>
      </c>
      <c r="G225" s="3">
        <v>1</v>
      </c>
      <c r="H225" s="2" t="s">
        <v>38</v>
      </c>
      <c r="I225" s="3">
        <v>2012</v>
      </c>
      <c r="J225" s="2" t="s">
        <v>39</v>
      </c>
      <c r="K225" s="2"/>
      <c r="L225" s="2" t="s">
        <v>40</v>
      </c>
    </row>
    <row r="226" spans="1:12" ht="15.2" customHeight="1">
      <c r="A226" s="2" t="s">
        <v>619</v>
      </c>
      <c r="B226" s="2" t="s">
        <v>708</v>
      </c>
      <c r="C226" s="2"/>
      <c r="D226" s="2" t="s">
        <v>42</v>
      </c>
      <c r="E226" s="2" t="s">
        <v>36</v>
      </c>
      <c r="F226" s="2" t="s">
        <v>43</v>
      </c>
      <c r="G226" s="3">
        <v>2</v>
      </c>
      <c r="H226" s="2" t="s">
        <v>38</v>
      </c>
      <c r="I226" s="3">
        <v>2012</v>
      </c>
      <c r="J226" s="2" t="s">
        <v>39</v>
      </c>
      <c r="K226" s="2"/>
      <c r="L226" s="2" t="s">
        <v>44</v>
      </c>
    </row>
    <row r="227" spans="1:12" ht="15.2" customHeight="1">
      <c r="A227" s="2" t="s">
        <v>619</v>
      </c>
      <c r="B227" s="2" t="s">
        <v>141</v>
      </c>
      <c r="C227" s="2"/>
      <c r="D227" s="2" t="s">
        <v>46</v>
      </c>
      <c r="E227" s="2" t="s">
        <v>36</v>
      </c>
      <c r="F227" s="2" t="s">
        <v>47</v>
      </c>
      <c r="G227" s="3">
        <v>3</v>
      </c>
      <c r="H227" s="2" t="s">
        <v>38</v>
      </c>
      <c r="I227" s="3">
        <v>2012</v>
      </c>
      <c r="J227" s="2" t="s">
        <v>39</v>
      </c>
      <c r="K227" s="2"/>
      <c r="L227" s="2" t="s">
        <v>48</v>
      </c>
    </row>
    <row r="228" spans="1:12" ht="15.2" customHeight="1">
      <c r="A228" s="2" t="s">
        <v>619</v>
      </c>
      <c r="B228" s="2" t="s">
        <v>709</v>
      </c>
      <c r="C228" s="2"/>
      <c r="D228" s="2" t="s">
        <v>50</v>
      </c>
      <c r="E228" s="2" t="s">
        <v>36</v>
      </c>
      <c r="F228" s="2" t="s">
        <v>51</v>
      </c>
      <c r="G228" s="3">
        <v>4</v>
      </c>
      <c r="H228" s="2" t="s">
        <v>52</v>
      </c>
      <c r="I228" s="3">
        <v>2012</v>
      </c>
      <c r="J228" s="2" t="s">
        <v>39</v>
      </c>
      <c r="K228" s="2"/>
      <c r="L228" s="2" t="s">
        <v>53</v>
      </c>
    </row>
    <row r="229" spans="1:12" ht="15.2" customHeight="1">
      <c r="A229" s="2" t="s">
        <v>619</v>
      </c>
      <c r="B229" s="2" t="s">
        <v>142</v>
      </c>
      <c r="C229" s="2" t="s">
        <v>55</v>
      </c>
      <c r="D229" s="2" t="s">
        <v>56</v>
      </c>
      <c r="E229" s="2" t="s">
        <v>57</v>
      </c>
      <c r="F229" s="2" t="s">
        <v>58</v>
      </c>
      <c r="G229" s="3">
        <v>1</v>
      </c>
      <c r="H229" s="2" t="s">
        <v>59</v>
      </c>
      <c r="I229" s="3">
        <v>2018</v>
      </c>
      <c r="J229" s="2" t="s">
        <v>20</v>
      </c>
      <c r="K229" s="2"/>
      <c r="L229" s="2" t="s">
        <v>60</v>
      </c>
    </row>
    <row r="230" spans="1:12" ht="15.2" customHeight="1">
      <c r="A230" s="2" t="s">
        <v>619</v>
      </c>
      <c r="B230" s="2" t="s">
        <v>143</v>
      </c>
      <c r="C230" s="2" t="s">
        <v>710</v>
      </c>
      <c r="D230" s="2" t="s">
        <v>711</v>
      </c>
      <c r="E230" s="2" t="s">
        <v>57</v>
      </c>
      <c r="F230" s="2" t="s">
        <v>712</v>
      </c>
      <c r="G230" s="3">
        <v>2</v>
      </c>
      <c r="H230" s="2" t="s">
        <v>59</v>
      </c>
      <c r="I230" s="3">
        <v>2018</v>
      </c>
      <c r="J230" s="2" t="s">
        <v>20</v>
      </c>
      <c r="K230" s="2"/>
      <c r="L230" s="2" t="s">
        <v>713</v>
      </c>
    </row>
    <row r="231" spans="1:12" ht="15.2" customHeight="1">
      <c r="A231" s="2" t="s">
        <v>619</v>
      </c>
      <c r="B231" s="2" t="s">
        <v>144</v>
      </c>
      <c r="C231" s="2" t="s">
        <v>624</v>
      </c>
      <c r="D231" s="2" t="s">
        <v>250</v>
      </c>
      <c r="E231" s="2" t="s">
        <v>250</v>
      </c>
      <c r="F231" s="2" t="s">
        <v>625</v>
      </c>
      <c r="G231" s="3">
        <v>19</v>
      </c>
      <c r="H231" s="2" t="s">
        <v>19</v>
      </c>
      <c r="I231" s="3">
        <v>2015</v>
      </c>
      <c r="J231" s="2" t="s">
        <v>28</v>
      </c>
      <c r="K231" s="2"/>
      <c r="L231" s="2" t="s">
        <v>626</v>
      </c>
    </row>
    <row r="232" spans="1:12" ht="15.2" customHeight="1">
      <c r="A232" s="2" t="s">
        <v>619</v>
      </c>
      <c r="B232" s="2" t="s">
        <v>145</v>
      </c>
      <c r="C232" s="2" t="s">
        <v>627</v>
      </c>
      <c r="D232" s="2" t="s">
        <v>250</v>
      </c>
      <c r="E232" s="2" t="s">
        <v>250</v>
      </c>
      <c r="F232" s="2" t="s">
        <v>628</v>
      </c>
      <c r="G232" s="3">
        <v>20</v>
      </c>
      <c r="H232" s="2" t="s">
        <v>19</v>
      </c>
      <c r="I232" s="3">
        <v>2015</v>
      </c>
      <c r="J232" s="2" t="s">
        <v>28</v>
      </c>
      <c r="K232" s="2"/>
      <c r="L232" s="2" t="s">
        <v>629</v>
      </c>
    </row>
    <row r="233" spans="1:12" ht="15.2" customHeight="1">
      <c r="A233" s="2" t="s">
        <v>619</v>
      </c>
      <c r="B233" s="2" t="s">
        <v>146</v>
      </c>
      <c r="C233" s="2" t="s">
        <v>638</v>
      </c>
      <c r="D233" s="2" t="s">
        <v>639</v>
      </c>
      <c r="E233" s="2" t="s">
        <v>267</v>
      </c>
      <c r="F233" s="2" t="s">
        <v>640</v>
      </c>
      <c r="G233" s="3">
        <v>12</v>
      </c>
      <c r="H233" s="2" t="s">
        <v>74</v>
      </c>
      <c r="I233" s="3">
        <v>2012</v>
      </c>
      <c r="J233" s="2" t="s">
        <v>39</v>
      </c>
      <c r="K233" s="2"/>
      <c r="L233" s="2" t="s">
        <v>641</v>
      </c>
    </row>
    <row r="234" spans="1:12" ht="15.2" customHeight="1">
      <c r="A234" s="2" t="s">
        <v>619</v>
      </c>
      <c r="B234" s="2" t="s">
        <v>152</v>
      </c>
      <c r="C234" s="2" t="s">
        <v>642</v>
      </c>
      <c r="D234" s="2" t="s">
        <v>643</v>
      </c>
      <c r="E234" s="2" t="s">
        <v>267</v>
      </c>
      <c r="F234" s="2" t="s">
        <v>644</v>
      </c>
      <c r="G234" s="3">
        <v>7</v>
      </c>
      <c r="H234" s="2" t="s">
        <v>74</v>
      </c>
      <c r="I234" s="3">
        <v>2012</v>
      </c>
      <c r="J234" s="2" t="s">
        <v>39</v>
      </c>
      <c r="K234" s="2"/>
      <c r="L234" s="2" t="s">
        <v>645</v>
      </c>
    </row>
    <row r="235" spans="1:12" ht="15.2" customHeight="1">
      <c r="A235" s="2" t="s">
        <v>619</v>
      </c>
      <c r="B235" s="2" t="s">
        <v>157</v>
      </c>
      <c r="C235" s="2"/>
      <c r="D235" s="2" t="s">
        <v>646</v>
      </c>
      <c r="E235" s="2" t="s">
        <v>271</v>
      </c>
      <c r="F235" s="2" t="s">
        <v>647</v>
      </c>
      <c r="G235" s="3">
        <v>9</v>
      </c>
      <c r="H235" s="2" t="s">
        <v>19</v>
      </c>
      <c r="I235" s="3">
        <v>2020</v>
      </c>
      <c r="J235" s="2" t="s">
        <v>28</v>
      </c>
      <c r="K235" s="2"/>
      <c r="L235" s="2" t="s">
        <v>648</v>
      </c>
    </row>
    <row r="236" spans="1:12" ht="15.2" customHeight="1">
      <c r="A236" s="2" t="s">
        <v>619</v>
      </c>
      <c r="B236" s="2" t="s">
        <v>340</v>
      </c>
      <c r="C236" s="2"/>
      <c r="D236" s="2" t="s">
        <v>649</v>
      </c>
      <c r="E236" s="2" t="s">
        <v>271</v>
      </c>
      <c r="F236" s="2" t="s">
        <v>650</v>
      </c>
      <c r="G236" s="3">
        <v>10</v>
      </c>
      <c r="H236" s="2" t="s">
        <v>19</v>
      </c>
      <c r="I236" s="3">
        <v>2020</v>
      </c>
      <c r="J236" s="2" t="s">
        <v>28</v>
      </c>
      <c r="K236" s="2"/>
      <c r="L236" s="2" t="s">
        <v>651</v>
      </c>
    </row>
  </sheetData>
  <mergeCells count="1">
    <mergeCell ref="A1:L1"/>
  </mergeCells>
  <pageMargins left="1" right="1" top="1" bottom="1" header="1" footer="1"/>
  <pageSetup orientation="portrait" horizontalDpi="300" verticalDpi="300"/>
  <headerFooter alignWithMargins="0"/>
</worksheet>
</file>

<file path=docProps/app.xml><?xml version="1.0" encoding="utf-8"?>
<Properties xmlns="http://schemas.openxmlformats.org/officeDocument/2006/extended-properties" xmlns:vt="http://schemas.openxmlformats.org/officeDocument/2006/docPropsVTypes">
  <TotalTime>0</TotalTime>
  <Pages>0</Pages>
  <Words>0</Words>
  <Characters>0</Characters>
  <Application>Microsoft Excel</Application>
  <DocSecurity>0</DocSecurity>
  <Lines>0</Lines>
  <Paragraphs>0</Paragraphs>
  <Slides>0</Slides>
  <Notes>0</Notes>
  <HiddenSlides>0</HiddenSlides>
  <MMClips>0</MMClips>
  <ScaleCrop>false</ScaleCrop>
  <HeadingPairs>
    <vt:vector size="2" baseType="variant">
      <vt:variant>
        <vt:lpstr>Worksheets</vt:lpstr>
      </vt:variant>
      <vt:variant>
        <vt:i4>1</vt:i4>
      </vt:variant>
    </vt:vector>
  </HeadingPairs>
  <TitlesOfParts>
    <vt:vector size="1" baseType="lpstr">
      <vt:lpstr>FRA - French Press Report</vt:lpstr>
    </vt:vector>
  </TitlesOfParts>
  <LinksUpToDate>false</LinksUpToDate>
  <CharactersWithSpaces>0</CharactersWithSpaces>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El Omari, Yasmine</cp:lastModifiedBy>
  <dcterms:modified xsi:type="dcterms:W3CDTF">2021-02-08T14:49:16Z</dcterms:modified>
</cp:coreProperties>
</file>

<file path=docProps/core0.xml><?xml version="1.0" encoding="utf-8"?>
<cp:coreProperties xmlns:cp="http://schemas.openxmlformats.org/package/2006/metadata/core-properties" xmlns:dc="http://purl.org/dc/elements/1.1/" xmlns:dcterms="http://purl.org/dc/terms/" xmlns:dcmitype="http://purl.org/dc/dcmitype/" xmlns:xsi="http://www.w3.org/2001/XMLSchema-instance"/>
</file>